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令和２年度【ＨＰ公開用名前変更】病床機能報告\01_松江圏域\"/>
    </mc:Choice>
  </mc:AlternateContent>
  <bookViews>
    <workbookView xWindow="1470" yWindow="1470" windowWidth="14055" windowHeight="11475"/>
  </bookViews>
  <sheets>
    <sheet name="病院" sheetId="1" r:id="rId1"/>
  </sheets>
  <definedNames>
    <definedName name="_xlnm.Print_Area" localSheetId="0">病院!$A$1:$S$72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391" i="1" l="1"/>
  <c r="K366" i="1" l="1"/>
  <c r="K434" i="1"/>
  <c r="K433" i="1"/>
  <c r="K432" i="1"/>
  <c r="K431" i="1"/>
  <c r="K430" i="1"/>
  <c r="J391" i="1"/>
  <c r="K371" i="1"/>
  <c r="K370" i="1"/>
  <c r="K369" i="1"/>
  <c r="K368" i="1"/>
  <c r="K367" i="1"/>
  <c r="K357" i="1"/>
  <c r="J357" i="1"/>
  <c r="K356" i="1"/>
  <c r="J356" i="1"/>
  <c r="K355" i="1"/>
  <c r="J355" i="1"/>
  <c r="K354" i="1"/>
  <c r="J354" i="1"/>
  <c r="K353" i="1"/>
  <c r="J353" i="1"/>
  <c r="K345" i="1"/>
  <c r="J345" i="1"/>
  <c r="K344" i="1"/>
  <c r="J344" i="1"/>
  <c r="K343" i="1"/>
  <c r="J343" i="1"/>
  <c r="K342" i="1"/>
  <c r="J342" i="1"/>
  <c r="K341" i="1"/>
  <c r="J341" i="1"/>
  <c r="K340" i="1"/>
  <c r="J340" i="1"/>
  <c r="K339" i="1"/>
  <c r="J339" i="1"/>
  <c r="K338" i="1"/>
  <c r="J338" i="1"/>
  <c r="K337" i="1"/>
  <c r="J337" i="1"/>
  <c r="K336" i="1"/>
  <c r="J336" i="1"/>
  <c r="K335" i="1"/>
  <c r="J335" i="1"/>
  <c r="K334" i="1"/>
  <c r="J334" i="1"/>
  <c r="K333" i="1"/>
  <c r="J333" i="1"/>
  <c r="K332" i="1"/>
  <c r="J332" i="1"/>
  <c r="K331" i="1"/>
  <c r="J331" i="1"/>
  <c r="K330" i="1"/>
  <c r="J330" i="1"/>
  <c r="K329" i="1"/>
  <c r="J329" i="1"/>
  <c r="K328" i="1"/>
  <c r="J328" i="1"/>
  <c r="K320" i="1"/>
  <c r="J320" i="1"/>
  <c r="K319" i="1"/>
  <c r="J319" i="1"/>
  <c r="K318" i="1"/>
  <c r="J318" i="1"/>
  <c r="K317" i="1"/>
  <c r="J317" i="1"/>
  <c r="K316" i="1"/>
  <c r="J316" i="1"/>
  <c r="K315" i="1"/>
  <c r="J315" i="1"/>
  <c r="K215" i="1"/>
  <c r="J215" i="1"/>
  <c r="K214" i="1"/>
  <c r="J214" i="1"/>
  <c r="K213" i="1"/>
  <c r="J213" i="1"/>
  <c r="K212" i="1"/>
  <c r="J212" i="1"/>
  <c r="K211" i="1"/>
  <c r="K210" i="1"/>
  <c r="K209" i="1"/>
  <c r="K208" i="1"/>
  <c r="K207" i="1"/>
  <c r="J207" i="1"/>
  <c r="K206" i="1"/>
  <c r="J206" i="1"/>
  <c r="K205" i="1"/>
  <c r="J205" i="1"/>
  <c r="K204" i="1"/>
  <c r="J204" i="1"/>
  <c r="K203" i="1"/>
  <c r="J203" i="1"/>
  <c r="K202" i="1"/>
  <c r="J202" i="1"/>
  <c r="K201" i="1"/>
  <c r="J201" i="1"/>
  <c r="K200" i="1"/>
  <c r="J200" i="1"/>
  <c r="K199" i="1"/>
  <c r="J199" i="1"/>
  <c r="K198" i="1"/>
  <c r="J198" i="1"/>
  <c r="K197" i="1"/>
  <c r="J197" i="1"/>
  <c r="K196" i="1"/>
  <c r="J196" i="1"/>
  <c r="K195" i="1"/>
  <c r="J195" i="1"/>
  <c r="K194" i="1"/>
  <c r="J194" i="1"/>
  <c r="K193" i="1"/>
  <c r="J193" i="1"/>
  <c r="K192" i="1"/>
  <c r="J192" i="1"/>
  <c r="K191" i="1"/>
  <c r="K190" i="1"/>
  <c r="K189" i="1"/>
  <c r="K188" i="1"/>
  <c r="K117" i="1"/>
  <c r="J117" i="1"/>
  <c r="K116" i="1"/>
  <c r="J116" i="1"/>
  <c r="K115" i="1"/>
  <c r="J115" i="1"/>
  <c r="K114" i="1"/>
  <c r="J114" i="1"/>
  <c r="K113" i="1"/>
  <c r="J113" i="1"/>
  <c r="K112" i="1"/>
  <c r="J112" i="1"/>
  <c r="K111" i="1"/>
  <c r="J111" i="1"/>
  <c r="K110" i="1"/>
  <c r="J110" i="1"/>
  <c r="K109" i="1"/>
  <c r="J109" i="1"/>
  <c r="K108" i="1"/>
  <c r="J108" i="1"/>
  <c r="K107" i="1"/>
  <c r="J107" i="1"/>
  <c r="K106" i="1"/>
  <c r="J106" i="1"/>
  <c r="K105" i="1"/>
  <c r="J105" i="1"/>
  <c r="M294" i="1"/>
  <c r="L294" i="1" l="1"/>
</calcChain>
</file>

<file path=xl/sharedStrings.xml><?xml version="1.0" encoding="utf-8"?>
<sst xmlns="http://schemas.openxmlformats.org/spreadsheetml/2006/main" count="768" uniqueCount="436">
  <si>
    <t>高度急性期</t>
  </si>
  <si>
    <t>急性期</t>
    <rPh sb="0" eb="3">
      <t>キュウセイキ</t>
    </rPh>
    <phoneticPr fontId="7"/>
  </si>
  <si>
    <t>回復期</t>
    <rPh sb="0" eb="3">
      <t>カイフクキ</t>
    </rPh>
    <phoneticPr fontId="7"/>
  </si>
  <si>
    <t>慢性期</t>
    <rPh sb="0" eb="3">
      <t>マンセイキ</t>
    </rPh>
    <phoneticPr fontId="7"/>
  </si>
  <si>
    <t>介護保険施設等へ移行予定</t>
    <phoneticPr fontId="7"/>
  </si>
  <si>
    <t>介護医療院に移行予定</t>
    <phoneticPr fontId="7"/>
  </si>
  <si>
    <t>介護老人保健施設に移行予定</t>
    <rPh sb="0" eb="2">
      <t>カイゴ</t>
    </rPh>
    <rPh sb="2" eb="4">
      <t>ロウジン</t>
    </rPh>
    <rPh sb="4" eb="6">
      <t>ホケン</t>
    </rPh>
    <rPh sb="6" eb="8">
      <t>シセツ</t>
    </rPh>
    <rPh sb="9" eb="13">
      <t>イコウヨテイ</t>
    </rPh>
    <phoneticPr fontId="7"/>
  </si>
  <si>
    <t>介護老人福祉施設に移行予定</t>
    <rPh sb="0" eb="2">
      <t>カイゴ</t>
    </rPh>
    <rPh sb="2" eb="4">
      <t>ロウジン</t>
    </rPh>
    <rPh sb="4" eb="6">
      <t>フクシ</t>
    </rPh>
    <rPh sb="6" eb="8">
      <t>シセツ</t>
    </rPh>
    <rPh sb="9" eb="13">
      <t>イコウヨテイ</t>
    </rPh>
    <phoneticPr fontId="7"/>
  </si>
  <si>
    <t>上記以外の介護サービスに移行予定</t>
    <rPh sb="5" eb="7">
      <t>カイゴ</t>
    </rPh>
    <rPh sb="12" eb="16">
      <t>イコウヨテイ</t>
    </rPh>
    <phoneticPr fontId="7"/>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phoneticPr fontId="3"/>
  </si>
  <si>
    <t>・設置主体</t>
    <rPh sb="1" eb="3">
      <t>セッチ</t>
    </rPh>
    <rPh sb="3" eb="5">
      <t>シュタイ</t>
    </rPh>
    <phoneticPr fontId="7"/>
  </si>
  <si>
    <t>・承認の有無</t>
    <phoneticPr fontId="7"/>
  </si>
  <si>
    <t>・病床の状況</t>
  </si>
  <si>
    <t>・診療報酬の届出の有無</t>
    <phoneticPr fontId="7"/>
  </si>
  <si>
    <t>・診療科</t>
  </si>
  <si>
    <t>・職員数の状況</t>
  </si>
  <si>
    <t>・入院基本料・特定入院料及び届出病床数</t>
  </si>
  <si>
    <t>・退院調整部門の設置状況</t>
  </si>
  <si>
    <t>・医療機器の台数</t>
  </si>
  <si>
    <t>・DPC医療機関群の種類</t>
  </si>
  <si>
    <t>・過去1年間の間に病棟の再編・見直しがあった場合の報告対象期間</t>
  </si>
  <si>
    <t>・救急告示病院、二次救急医療施設、三次救急医療施設の告示・認定の有無</t>
    <phoneticPr fontId="7"/>
  </si>
  <si>
    <t>◆基本情報（職員配置、届出の状況など）</t>
    <rPh sb="1" eb="3">
      <t>キホン</t>
    </rPh>
    <rPh sb="3" eb="5">
      <t>ジョウホウ</t>
    </rPh>
    <rPh sb="6" eb="8">
      <t>ショクイン</t>
    </rPh>
    <rPh sb="8" eb="10">
      <t>ハイチ</t>
    </rPh>
    <rPh sb="11" eb="13">
      <t>トドケデ</t>
    </rPh>
    <rPh sb="14" eb="16">
      <t>ジョウキョウ</t>
    </rPh>
    <phoneticPr fontId="3"/>
  </si>
  <si>
    <t>施設全体</t>
    <rPh sb="0" eb="2">
      <t>シセツ</t>
    </rPh>
    <rPh sb="2" eb="4">
      <t>ゼンタイ</t>
    </rPh>
    <phoneticPr fontId="7"/>
  </si>
  <si>
    <t>（項目の解説）</t>
    <phoneticPr fontId="3"/>
  </si>
  <si>
    <t>設置主体</t>
    <rPh sb="0" eb="2">
      <t>セッチ</t>
    </rPh>
    <rPh sb="2" eb="4">
      <t>シュタイ</t>
    </rPh>
    <phoneticPr fontId="7"/>
  </si>
  <si>
    <t xml:space="preserve">医療機関の開設者を区分別にを示しています。
</t>
    <phoneticPr fontId="7"/>
  </si>
  <si>
    <t>病床の状況</t>
    <rPh sb="0" eb="2">
      <t>ビョウショウ</t>
    </rPh>
    <rPh sb="3" eb="5">
      <t>ジョウキョウ</t>
    </rPh>
    <phoneticPr fontId="7"/>
  </si>
  <si>
    <t>（項目の解説）</t>
  </si>
  <si>
    <t>一般病床</t>
    <rPh sb="0" eb="1">
      <t>イッ</t>
    </rPh>
    <rPh sb="1" eb="2">
      <t>ハン</t>
    </rPh>
    <rPh sb="2" eb="3">
      <t>ビョウ</t>
    </rPh>
    <rPh sb="3" eb="4">
      <t>ショウ</t>
    </rPh>
    <phoneticPr fontId="7"/>
  </si>
  <si>
    <t>許可病床</t>
    <rPh sb="0" eb="2">
      <t>キョカ</t>
    </rPh>
    <rPh sb="2" eb="4">
      <t>ビョウショウ</t>
    </rPh>
    <phoneticPr fontId="7"/>
  </si>
  <si>
    <t>上記のうち医療法上の経過措置に該当する病床数</t>
    <phoneticPr fontId="7"/>
  </si>
  <si>
    <t>稼働病床</t>
    <rPh sb="0" eb="2">
      <t>カドウ</t>
    </rPh>
    <rPh sb="2" eb="4">
      <t>ビョウショウ</t>
    </rPh>
    <phoneticPr fontId="7"/>
  </si>
  <si>
    <t>療養病床</t>
    <rPh sb="0" eb="1">
      <t>リョウ</t>
    </rPh>
    <rPh sb="1" eb="2">
      <t>オサム</t>
    </rPh>
    <rPh sb="2" eb="3">
      <t>ビョウ</t>
    </rPh>
    <rPh sb="3" eb="4">
      <t>ショウ</t>
    </rPh>
    <phoneticPr fontId="7"/>
  </si>
  <si>
    <t>うち医療療養病床</t>
    <rPh sb="2" eb="4">
      <t>イリョウ</t>
    </rPh>
    <rPh sb="4" eb="6">
      <t>リョウヨウ</t>
    </rPh>
    <rPh sb="6" eb="8">
      <t>ビョウショウ</t>
    </rPh>
    <phoneticPr fontId="7"/>
  </si>
  <si>
    <t>うち介護療養病床</t>
    <rPh sb="2" eb="4">
      <t>カイゴ</t>
    </rPh>
    <rPh sb="4" eb="6">
      <t>リョウヨウ</t>
    </rPh>
    <rPh sb="6" eb="8">
      <t>ビョウショウ</t>
    </rPh>
    <phoneticPr fontId="7"/>
  </si>
  <si>
    <t>稼動病床数が0床である理由</t>
    <phoneticPr fontId="7"/>
  </si>
  <si>
    <t>診療科</t>
    <rPh sb="0" eb="3">
      <t>シンリョウカ</t>
    </rPh>
    <phoneticPr fontId="7"/>
  </si>
  <si>
    <t>主とする診療科</t>
    <rPh sb="0" eb="1">
      <t>シュ</t>
    </rPh>
    <rPh sb="4" eb="7">
      <t>シンリョウカ</t>
    </rPh>
    <phoneticPr fontId="7"/>
  </si>
  <si>
    <t>入院基本料・特定入院料及び届出病床数</t>
    <phoneticPr fontId="7"/>
  </si>
  <si>
    <t>算定する入院基本料・特定入院料</t>
    <phoneticPr fontId="7"/>
  </si>
  <si>
    <t>届出病床数</t>
    <phoneticPr fontId="7"/>
  </si>
  <si>
    <t>病室単位の特定入院料</t>
    <phoneticPr fontId="7"/>
  </si>
  <si>
    <t>届出病床数</t>
    <rPh sb="0" eb="2">
      <t>トドケデ</t>
    </rPh>
    <rPh sb="2" eb="5">
      <t>ビョウショウスウ</t>
    </rPh>
    <rPh sb="4" eb="5">
      <t>スウ</t>
    </rPh>
    <phoneticPr fontId="7"/>
  </si>
  <si>
    <t>DPC医療機関群の種類</t>
    <rPh sb="3" eb="5">
      <t>イリョウ</t>
    </rPh>
    <rPh sb="5" eb="7">
      <t>キカン</t>
    </rPh>
    <rPh sb="7" eb="8">
      <t>グン</t>
    </rPh>
    <rPh sb="9" eb="11">
      <t>シュルイ</t>
    </rPh>
    <phoneticPr fontId="7"/>
  </si>
  <si>
    <t>救急告示病院、二次救急医療施設、三次救急医療施設の告示・認定の有無</t>
    <rPh sb="16" eb="18">
      <t>ミヨシ</t>
    </rPh>
    <rPh sb="18" eb="20">
      <t>キュウキュウ</t>
    </rPh>
    <rPh sb="20" eb="22">
      <t>イリョウ</t>
    </rPh>
    <rPh sb="22" eb="24">
      <t>シセツ</t>
    </rPh>
    <phoneticPr fontId="7"/>
  </si>
  <si>
    <t>救急告示病院の告示の有無</t>
    <rPh sb="0" eb="2">
      <t>キュウキュウ</t>
    </rPh>
    <rPh sb="2" eb="4">
      <t>コクジ</t>
    </rPh>
    <rPh sb="4" eb="6">
      <t>ビョウイン</t>
    </rPh>
    <rPh sb="7" eb="9">
      <t>コクジ</t>
    </rPh>
    <rPh sb="10" eb="12">
      <t>ウム</t>
    </rPh>
    <phoneticPr fontId="7"/>
  </si>
  <si>
    <t xml:space="preserve">救急告示病院とは、事故や急病等による救急患者を救急隊が緊急に搬送する医療機関として、都道府県知事が認めた病院です。また、救急患者のうち、入院医療が必要な重症な救急患者を休日や夜間に受け入れる医療機関を二次救急医療施設といいます。さらに、二次救急では対応できない重篤な救急患者を24時間体制で受け入れる医療機関をを三次救急医療施設と呼びます。
</t>
    <phoneticPr fontId="7"/>
  </si>
  <si>
    <t>二次救急医療施設の認定の有無</t>
    <phoneticPr fontId="7"/>
  </si>
  <si>
    <t>三次救急医療施設の認定の有無</t>
    <phoneticPr fontId="7"/>
  </si>
  <si>
    <t>承認の有無</t>
    <phoneticPr fontId="7"/>
  </si>
  <si>
    <t>特定機能病院の承認の有無</t>
    <phoneticPr fontId="7"/>
  </si>
  <si>
    <t xml:space="preserve">特定機能病院とは、高度の医療の提供、高度の医療技術の開発及び高度の医療に関する研修を実施する能力を備えた病院として、厚生労働大臣が承認した病院をいいます。
</t>
    <phoneticPr fontId="7"/>
  </si>
  <si>
    <t>地域医療支援病院の承認の有無</t>
    <phoneticPr fontId="7"/>
  </si>
  <si>
    <t xml:space="preserve">地域医療支援病院とは、紹介患者に対する医療提供、医療機器等の共同利用の実施等を通じて、第一線の地域医療を担うかかりつけ医、かかりつけ歯科医等を支援する能力を備え、地域医療の確保を図る病院として相応しい構造設備等を有する病院として、都道府県知事が承認した病院をいいます。
</t>
    <phoneticPr fontId="7"/>
  </si>
  <si>
    <t>診療報酬の届出の有無</t>
    <rPh sb="0" eb="2">
      <t>シンリョウ</t>
    </rPh>
    <rPh sb="2" eb="4">
      <t>ホウシュウ</t>
    </rPh>
    <rPh sb="5" eb="7">
      <t>トドケデ</t>
    </rPh>
    <rPh sb="8" eb="10">
      <t>ウム</t>
    </rPh>
    <phoneticPr fontId="7"/>
  </si>
  <si>
    <t>総合入院体制加算の届出の有無</t>
    <rPh sb="0" eb="2">
      <t>ソウゴウ</t>
    </rPh>
    <rPh sb="2" eb="4">
      <t>ニュウイン</t>
    </rPh>
    <rPh sb="4" eb="6">
      <t>タイセイ</t>
    </rPh>
    <rPh sb="6" eb="8">
      <t>カサン</t>
    </rPh>
    <rPh sb="9" eb="11">
      <t>トドケデ</t>
    </rPh>
    <rPh sb="12" eb="14">
      <t>ウム</t>
    </rPh>
    <phoneticPr fontId="7"/>
  </si>
  <si>
    <t xml:space="preserve">総合入院体制加算とは、十分な人員配置および設備等を備え総合的かつ専門的な急性期医療を24時間提供できる体制等を確保している病院のことです。
</t>
    <phoneticPr fontId="7"/>
  </si>
  <si>
    <t>在宅療養支援病院の届出の有無</t>
    <rPh sb="0" eb="2">
      <t>ザイタク</t>
    </rPh>
    <rPh sb="2" eb="4">
      <t>リョウヨウ</t>
    </rPh>
    <rPh sb="4" eb="6">
      <t>シエン</t>
    </rPh>
    <rPh sb="6" eb="8">
      <t>ビョウイン</t>
    </rPh>
    <rPh sb="9" eb="11">
      <t>トドケデ</t>
    </rPh>
    <rPh sb="12" eb="14">
      <t>ウム</t>
    </rPh>
    <phoneticPr fontId="7"/>
  </si>
  <si>
    <t xml:space="preserve">在宅療養支援病院とは、24時間往診が可能な体制を確保し、また訪問看護ステーションとの連携により24時間訪問看護の提供が可能な体制を確保している病院のことです。
</t>
    <phoneticPr fontId="7"/>
  </si>
  <si>
    <t>在宅療養後方支援病院の届出の有無</t>
    <phoneticPr fontId="7"/>
  </si>
  <si>
    <t xml:space="preserve">在宅療養後方支援病院とは、在宅医療を受けている患者の急変時に備え、緊急入院を受け入れるための病床を確保している病院です。
</t>
    <phoneticPr fontId="7"/>
  </si>
  <si>
    <t>職員数の状況</t>
    <rPh sb="0" eb="2">
      <t>ショクイン</t>
    </rPh>
    <rPh sb="2" eb="3">
      <t>スウ</t>
    </rPh>
    <rPh sb="4" eb="6">
      <t>ジョウキョウ</t>
    </rPh>
    <phoneticPr fontId="7"/>
  </si>
  <si>
    <t>医師</t>
    <rPh sb="0" eb="2">
      <t>イシ</t>
    </rPh>
    <phoneticPr fontId="7"/>
  </si>
  <si>
    <t>常勤</t>
    <rPh sb="0" eb="2">
      <t>ジョウキン</t>
    </rPh>
    <phoneticPr fontId="7"/>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7"/>
  </si>
  <si>
    <t>非常勤</t>
    <rPh sb="0" eb="3">
      <t>ヒジョウキン</t>
    </rPh>
    <phoneticPr fontId="7"/>
  </si>
  <si>
    <t>歯科医師</t>
    <rPh sb="0" eb="2">
      <t>シカ</t>
    </rPh>
    <rPh sb="2" eb="4">
      <t>イシ</t>
    </rPh>
    <phoneticPr fontId="7"/>
  </si>
  <si>
    <t>看護師</t>
    <rPh sb="0" eb="3">
      <t>カンゴシ</t>
    </rPh>
    <phoneticPr fontId="7"/>
  </si>
  <si>
    <t>准看護師</t>
    <rPh sb="0" eb="4">
      <t>ジュンカンゴシ</t>
    </rPh>
    <phoneticPr fontId="7"/>
  </si>
  <si>
    <t>看護補助者</t>
    <rPh sb="0" eb="2">
      <t>カンゴ</t>
    </rPh>
    <rPh sb="2" eb="4">
      <t>ホジョ</t>
    </rPh>
    <rPh sb="4" eb="5">
      <t>シャ</t>
    </rPh>
    <phoneticPr fontId="7"/>
  </si>
  <si>
    <t>助産師</t>
    <rPh sb="0" eb="3">
      <t>ジョサンシ</t>
    </rPh>
    <phoneticPr fontId="7"/>
  </si>
  <si>
    <t>理学療法士</t>
    <rPh sb="0" eb="2">
      <t>リガク</t>
    </rPh>
    <rPh sb="2" eb="5">
      <t>リョウホウシ</t>
    </rPh>
    <phoneticPr fontId="7"/>
  </si>
  <si>
    <t>作業療法士</t>
    <rPh sb="0" eb="2">
      <t>サギョウ</t>
    </rPh>
    <rPh sb="2" eb="5">
      <t>リョウホウシ</t>
    </rPh>
    <phoneticPr fontId="7"/>
  </si>
  <si>
    <t>言語聴覚士</t>
    <rPh sb="0" eb="2">
      <t>ゲンゴ</t>
    </rPh>
    <rPh sb="2" eb="5">
      <t>チョウカクシ</t>
    </rPh>
    <phoneticPr fontId="7"/>
  </si>
  <si>
    <t>薬剤師</t>
    <rPh sb="0" eb="3">
      <t>ヤクザイシ</t>
    </rPh>
    <phoneticPr fontId="7"/>
  </si>
  <si>
    <t>診療放射線技師</t>
    <rPh sb="0" eb="2">
      <t>シンリョウ</t>
    </rPh>
    <rPh sb="2" eb="5">
      <t>ホウシャセン</t>
    </rPh>
    <rPh sb="5" eb="7">
      <t>ギシ</t>
    </rPh>
    <phoneticPr fontId="7"/>
  </si>
  <si>
    <t>臨床検査技師</t>
    <rPh sb="0" eb="2">
      <t>リンショウ</t>
    </rPh>
    <rPh sb="2" eb="4">
      <t>ケンサ</t>
    </rPh>
    <rPh sb="4" eb="6">
      <t>ギシ</t>
    </rPh>
    <phoneticPr fontId="7"/>
  </si>
  <si>
    <t>臨床工学技士</t>
    <phoneticPr fontId="7"/>
  </si>
  <si>
    <t>管理栄養士</t>
    <rPh sb="0" eb="2">
      <t>カンリ</t>
    </rPh>
    <rPh sb="2" eb="5">
      <t>エイヨウシ</t>
    </rPh>
    <phoneticPr fontId="7"/>
  </si>
  <si>
    <t>病棟以外の部門</t>
    <rPh sb="0" eb="2">
      <t>ビョウトウ</t>
    </rPh>
    <rPh sb="2" eb="4">
      <t>イガイ</t>
    </rPh>
    <rPh sb="5" eb="7">
      <t>ブモン</t>
    </rPh>
    <phoneticPr fontId="7"/>
  </si>
  <si>
    <t>手術室</t>
    <rPh sb="0" eb="3">
      <t>シュジュツシツ</t>
    </rPh>
    <phoneticPr fontId="7"/>
  </si>
  <si>
    <t>外来部門</t>
    <rPh sb="0" eb="2">
      <t>ガイライ</t>
    </rPh>
    <rPh sb="2" eb="4">
      <t>ブモン</t>
    </rPh>
    <phoneticPr fontId="7"/>
  </si>
  <si>
    <t>その他</t>
    <rPh sb="2" eb="3">
      <t>タ</t>
    </rPh>
    <phoneticPr fontId="7"/>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t>
    <phoneticPr fontId="7"/>
  </si>
  <si>
    <t>臨床工学技士</t>
    <rPh sb="0" eb="2">
      <t>リンショウ</t>
    </rPh>
    <rPh sb="2" eb="4">
      <t>コウガク</t>
    </rPh>
    <rPh sb="4" eb="6">
      <t>ギシ</t>
    </rPh>
    <phoneticPr fontId="7"/>
  </si>
  <si>
    <t>退院調整部門の設置状況</t>
    <rPh sb="0" eb="2">
      <t>タイイン</t>
    </rPh>
    <rPh sb="2" eb="4">
      <t>チョウセイ</t>
    </rPh>
    <rPh sb="4" eb="6">
      <t>ブモン</t>
    </rPh>
    <rPh sb="7" eb="9">
      <t>セッチ</t>
    </rPh>
    <rPh sb="9" eb="11">
      <t>ジョウキョウ</t>
    </rPh>
    <phoneticPr fontId="7"/>
  </si>
  <si>
    <t>退院調整部門の有無</t>
    <rPh sb="0" eb="2">
      <t>タイイン</t>
    </rPh>
    <rPh sb="2" eb="4">
      <t>チョウセイ</t>
    </rPh>
    <rPh sb="4" eb="6">
      <t>ブモン</t>
    </rPh>
    <rPh sb="7" eb="9">
      <t>ウム</t>
    </rPh>
    <phoneticPr fontId="7"/>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t>
    <phoneticPr fontId="7"/>
  </si>
  <si>
    <t>退院調整部門に勤務する人数</t>
    <rPh sb="0" eb="2">
      <t>タイイン</t>
    </rPh>
    <rPh sb="2" eb="4">
      <t>チョウセイ</t>
    </rPh>
    <rPh sb="4" eb="6">
      <t>ブモン</t>
    </rPh>
    <rPh sb="7" eb="9">
      <t>キンム</t>
    </rPh>
    <rPh sb="11" eb="13">
      <t>ニンズウ</t>
    </rPh>
    <phoneticPr fontId="7"/>
  </si>
  <si>
    <t>専従</t>
    <rPh sb="0" eb="2">
      <t>センジュウ</t>
    </rPh>
    <phoneticPr fontId="7"/>
  </si>
  <si>
    <t>専任</t>
    <rPh sb="0" eb="2">
      <t>センニン</t>
    </rPh>
    <phoneticPr fontId="7"/>
  </si>
  <si>
    <t>看護職員</t>
    <rPh sb="0" eb="2">
      <t>カンゴ</t>
    </rPh>
    <rPh sb="2" eb="4">
      <t>ショクイン</t>
    </rPh>
    <phoneticPr fontId="7"/>
  </si>
  <si>
    <t>MSW</t>
    <phoneticPr fontId="7"/>
  </si>
  <si>
    <t>MSWのうち社会福祉士</t>
    <rPh sb="6" eb="8">
      <t>シャカイ</t>
    </rPh>
    <rPh sb="8" eb="11">
      <t>フクシシ</t>
    </rPh>
    <phoneticPr fontId="7"/>
  </si>
  <si>
    <t>事務員</t>
    <rPh sb="0" eb="3">
      <t>ジムイン</t>
    </rPh>
    <phoneticPr fontId="7"/>
  </si>
  <si>
    <t>医療機器の台数</t>
    <rPh sb="0" eb="2">
      <t>イリョウ</t>
    </rPh>
    <rPh sb="2" eb="4">
      <t>キキ</t>
    </rPh>
    <rPh sb="5" eb="7">
      <t>ダイスウ</t>
    </rPh>
    <phoneticPr fontId="7"/>
  </si>
  <si>
    <t>CT</t>
    <phoneticPr fontId="7"/>
  </si>
  <si>
    <t>マルチスライス</t>
    <phoneticPr fontId="7"/>
  </si>
  <si>
    <t>64列以上</t>
    <rPh sb="2" eb="3">
      <t>レツ</t>
    </rPh>
    <rPh sb="3" eb="5">
      <t>イジョウ</t>
    </rPh>
    <phoneticPr fontId="7"/>
  </si>
  <si>
    <t xml:space="preserve">CTは、X線（放射線）を使って、身体の断面を撮影する装置です。列の数が多いほど、同じ範囲をより短時間、より細かく撮影することができます。値は医療機関が保有する台数です。
</t>
    <phoneticPr fontId="7"/>
  </si>
  <si>
    <t>16列以上64列未満</t>
    <rPh sb="2" eb="3">
      <t>レツ</t>
    </rPh>
    <rPh sb="3" eb="5">
      <t>イジョウ</t>
    </rPh>
    <rPh sb="7" eb="8">
      <t>レツ</t>
    </rPh>
    <rPh sb="8" eb="10">
      <t>ミマン</t>
    </rPh>
    <phoneticPr fontId="7"/>
  </si>
  <si>
    <t>16列未満</t>
    <rPh sb="2" eb="3">
      <t>レツ</t>
    </rPh>
    <rPh sb="3" eb="5">
      <t>ミマン</t>
    </rPh>
    <phoneticPr fontId="7"/>
  </si>
  <si>
    <t>MRI</t>
    <phoneticPr fontId="7"/>
  </si>
  <si>
    <t>3T以上</t>
    <rPh sb="2" eb="4">
      <t>イジョウ</t>
    </rPh>
    <phoneticPr fontId="7"/>
  </si>
  <si>
    <t xml:space="preserve">MRIは、主に磁気を利用して、身体の断面を撮影する装置です。T（テスラ）は、磁気の強さを表す単位で、値が大きいほど高画質の画像が得られます。値は医療機関が保有する台数です。
</t>
    <phoneticPr fontId="7"/>
  </si>
  <si>
    <t>1.5Ｔ以上3Ｔ未満</t>
    <rPh sb="4" eb="6">
      <t>イジョウ</t>
    </rPh>
    <rPh sb="8" eb="10">
      <t>ミマン</t>
    </rPh>
    <phoneticPr fontId="7"/>
  </si>
  <si>
    <t>1.5Ｔ未満</t>
    <rPh sb="4" eb="6">
      <t>ミマン</t>
    </rPh>
    <phoneticPr fontId="7"/>
  </si>
  <si>
    <t>血管連続撮影装置</t>
    <rPh sb="0" eb="2">
      <t>ケッカン</t>
    </rPh>
    <rPh sb="2" eb="4">
      <t>レンゾク</t>
    </rPh>
    <rPh sb="4" eb="6">
      <t>サツエイ</t>
    </rPh>
    <rPh sb="6" eb="8">
      <t>ソウチ</t>
    </rPh>
    <phoneticPr fontId="7"/>
  </si>
  <si>
    <t xml:space="preserve">血管連続撮影装置は、X線では映らない、血管の状態を撮影するための装置です。値は医療機関が保有する台数です。
</t>
    <phoneticPr fontId="7"/>
  </si>
  <si>
    <t>SPECT</t>
    <phoneticPr fontId="7"/>
  </si>
  <si>
    <t xml:space="preserve">SPECTは、特殊な薬剤を注射したあとに撮影することで、体のなかの血液の分布を調べる装置です。とくに、脳血管障害や心疾患の診断に用いられます。値は医療機関が保有する台数です。
</t>
    <phoneticPr fontId="7"/>
  </si>
  <si>
    <t>PET</t>
    <phoneticPr fontId="7"/>
  </si>
  <si>
    <t>PETCT</t>
    <phoneticPr fontId="7"/>
  </si>
  <si>
    <t xml:space="preserve">PETCTは、診断の精度を向上させるためにPETとCTを組み合わせた装置です。値は医療機関が保有する台数です。
</t>
    <phoneticPr fontId="7"/>
  </si>
  <si>
    <t>PETMRI</t>
    <phoneticPr fontId="7"/>
  </si>
  <si>
    <t xml:space="preserve">PETMRIは、診断の精度を向上させるためにPETとMRIを組み合わせた装置です。値は医療機関が保有する台数です。
</t>
    <phoneticPr fontId="7"/>
  </si>
  <si>
    <t>ガンマナイフ</t>
    <phoneticPr fontId="7"/>
  </si>
  <si>
    <t xml:space="preserve">ガンマナイフは、脳に精密に放射線を集中照射する装置です。値は医療機関が保有する台数です。
</t>
    <phoneticPr fontId="7"/>
  </si>
  <si>
    <t>サイバーナイフ</t>
    <phoneticPr fontId="7"/>
  </si>
  <si>
    <t xml:space="preserve">サイバーナイフは、腫瘍にロボットアームで集中的に放射線を照射する装置です。値は医療機関が保有する台数です。
</t>
    <phoneticPr fontId="7"/>
  </si>
  <si>
    <t>強度変調放射線治療器</t>
    <rPh sb="0" eb="2">
      <t>キョウド</t>
    </rPh>
    <rPh sb="2" eb="4">
      <t>ヘンチョウ</t>
    </rPh>
    <rPh sb="4" eb="7">
      <t>ホウシャセン</t>
    </rPh>
    <rPh sb="7" eb="10">
      <t>チリョウキ</t>
    </rPh>
    <phoneticPr fontId="7"/>
  </si>
  <si>
    <t xml:space="preserve">強度変調放射線治療器は、腫瘍に精確に放射線を照射する装置です。値は医療機関が保有する台数です。
</t>
    <phoneticPr fontId="7"/>
  </si>
  <si>
    <t>遠隔操作式密封小線源治療装置</t>
  </si>
  <si>
    <t xml:space="preserve">遠隔操作式密封小線源治療装置は、体の内側から放射線を照射する機能を持つ装置です。値は医療機関が保有する台数です。
</t>
    <phoneticPr fontId="7"/>
  </si>
  <si>
    <t>内視鏡手術用支援機器（ダヴィンチ）</t>
    <rPh sb="0" eb="3">
      <t>ナイシキョウ</t>
    </rPh>
    <rPh sb="3" eb="6">
      <t>シュジュツヨウ</t>
    </rPh>
    <rPh sb="6" eb="9">
      <t>シエンキ</t>
    </rPh>
    <rPh sb="9" eb="10">
      <t>キ</t>
    </rPh>
    <phoneticPr fontId="7"/>
  </si>
  <si>
    <t xml:space="preserve">内視鏡手術用支援機器（ダヴィンチ）は、内視鏡カメラとロボットアームを操作して手術を行う手術支援ロボットです。値は医療機関が保有する台数です。
</t>
    <phoneticPr fontId="7"/>
  </si>
  <si>
    <t>過去1年間の間に病棟の再編・見直しがあった場合の報告対象期間</t>
    <phoneticPr fontId="3"/>
  </si>
  <si>
    <t>過去1年間の間に病棟の再編・見直しがあった場合の報告対象期間</t>
    <rPh sb="0" eb="2">
      <t>カコ</t>
    </rPh>
    <rPh sb="3" eb="5">
      <t>ネンカン</t>
    </rPh>
    <rPh sb="6" eb="7">
      <t>アイダ</t>
    </rPh>
    <rPh sb="8" eb="10">
      <t>ビョウトウ</t>
    </rPh>
    <rPh sb="11" eb="13">
      <t>サイヘン</t>
    </rPh>
    <rPh sb="14" eb="16">
      <t>ミナオ</t>
    </rPh>
    <rPh sb="21" eb="23">
      <t>バアイ</t>
    </rPh>
    <rPh sb="24" eb="26">
      <t>ホウコク</t>
    </rPh>
    <rPh sb="26" eb="28">
      <t>タイショウ</t>
    </rPh>
    <rPh sb="28" eb="30">
      <t>キカン</t>
    </rPh>
    <phoneticPr fontId="7"/>
  </si>
  <si>
    <t>・入院患者の状況（年間）</t>
    <phoneticPr fontId="7"/>
  </si>
  <si>
    <t>・退院後に在宅医療を必要とする患者の状況</t>
    <phoneticPr fontId="7"/>
  </si>
  <si>
    <t>・看取りを行った患者数</t>
    <phoneticPr fontId="7"/>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7"/>
  </si>
  <si>
    <t>新規入棟患者数（年間）</t>
    <rPh sb="0" eb="2">
      <t>シンキ</t>
    </rPh>
    <rPh sb="2" eb="4">
      <t>ニュウトウ</t>
    </rPh>
    <rPh sb="4" eb="7">
      <t>カンジャスウ</t>
    </rPh>
    <rPh sb="8" eb="10">
      <t>ネンカン</t>
    </rPh>
    <phoneticPr fontId="7"/>
  </si>
  <si>
    <t>うち予定入院の患者・院内の他病棟からの転棟患者</t>
    <rPh sb="2" eb="4">
      <t>ヨテイ</t>
    </rPh>
    <rPh sb="4" eb="6">
      <t>ニュウイン</t>
    </rPh>
    <rPh sb="7" eb="9">
      <t>カンジャ</t>
    </rPh>
    <rPh sb="10" eb="12">
      <t>インナイ</t>
    </rPh>
    <rPh sb="13" eb="14">
      <t>タ</t>
    </rPh>
    <rPh sb="14" eb="16">
      <t>ビョウトウ</t>
    </rPh>
    <rPh sb="19" eb="21">
      <t>テントウ</t>
    </rPh>
    <rPh sb="21" eb="23">
      <t>カンジャ</t>
    </rPh>
    <phoneticPr fontId="7"/>
  </si>
  <si>
    <t>うち救急医療入院の予定外入院の患者</t>
    <rPh sb="2" eb="4">
      <t>キュウキュウ</t>
    </rPh>
    <rPh sb="4" eb="6">
      <t>イリョウ</t>
    </rPh>
    <rPh sb="6" eb="8">
      <t>ニュウイン</t>
    </rPh>
    <rPh sb="9" eb="12">
      <t>ヨテイガイ</t>
    </rPh>
    <rPh sb="12" eb="14">
      <t>ニュウイン</t>
    </rPh>
    <rPh sb="15" eb="17">
      <t>カンジャ</t>
    </rPh>
    <phoneticPr fontId="7"/>
  </si>
  <si>
    <t>うち救急医療入院以外の予定外入院の患者</t>
    <rPh sb="2" eb="4">
      <t>キュウキュウ</t>
    </rPh>
    <rPh sb="4" eb="6">
      <t>イリョウ</t>
    </rPh>
    <rPh sb="6" eb="8">
      <t>ニュウイン</t>
    </rPh>
    <rPh sb="8" eb="10">
      <t>イガイ</t>
    </rPh>
    <rPh sb="11" eb="14">
      <t>ヨテイガイ</t>
    </rPh>
    <rPh sb="14" eb="16">
      <t>ニュウイン</t>
    </rPh>
    <rPh sb="17" eb="19">
      <t>カンジャ</t>
    </rPh>
    <phoneticPr fontId="7"/>
  </si>
  <si>
    <t>在棟患者延べ数（年間）</t>
    <rPh sb="0" eb="1">
      <t>ザイ</t>
    </rPh>
    <rPh sb="1" eb="2">
      <t>ムネ</t>
    </rPh>
    <rPh sb="2" eb="4">
      <t>カンジャ</t>
    </rPh>
    <rPh sb="4" eb="5">
      <t>ノ</t>
    </rPh>
    <rPh sb="6" eb="7">
      <t>スウ</t>
    </rPh>
    <rPh sb="8" eb="10">
      <t>ネンカン</t>
    </rPh>
    <phoneticPr fontId="7"/>
  </si>
  <si>
    <t>退棟患者数（年間）</t>
    <rPh sb="0" eb="2">
      <t>タイトウ</t>
    </rPh>
    <rPh sb="2" eb="4">
      <t>カンジャ</t>
    </rPh>
    <rPh sb="4" eb="5">
      <t>スウ</t>
    </rPh>
    <rPh sb="6" eb="8">
      <t>ネンカン</t>
    </rPh>
    <phoneticPr fontId="7"/>
  </si>
  <si>
    <t>入棟前の場所</t>
    <rPh sb="0" eb="1">
      <t>ニュウ</t>
    </rPh>
    <rPh sb="1" eb="2">
      <t>トウ</t>
    </rPh>
    <rPh sb="2" eb="3">
      <t>マエ</t>
    </rPh>
    <phoneticPr fontId="7"/>
  </si>
  <si>
    <t>うち院内の他病棟からの転棟</t>
    <rPh sb="2" eb="4">
      <t>インナイ</t>
    </rPh>
    <rPh sb="5" eb="6">
      <t>タ</t>
    </rPh>
    <rPh sb="6" eb="8">
      <t>ビョウトウ</t>
    </rPh>
    <rPh sb="11" eb="12">
      <t>テン</t>
    </rPh>
    <rPh sb="12" eb="13">
      <t>トウ</t>
    </rPh>
    <phoneticPr fontId="7"/>
  </si>
  <si>
    <t>うち家庭からの入院</t>
    <rPh sb="2" eb="4">
      <t>カテイ</t>
    </rPh>
    <rPh sb="7" eb="9">
      <t>ニュウイン</t>
    </rPh>
    <phoneticPr fontId="7"/>
  </si>
  <si>
    <t>うち他の病院、診療所からの転院</t>
    <rPh sb="2" eb="3">
      <t>タ</t>
    </rPh>
    <rPh sb="4" eb="6">
      <t>ビョウイン</t>
    </rPh>
    <rPh sb="7" eb="10">
      <t>シンリョウジョ</t>
    </rPh>
    <rPh sb="13" eb="14">
      <t>テン</t>
    </rPh>
    <rPh sb="14" eb="15">
      <t>イン</t>
    </rPh>
    <phoneticPr fontId="7"/>
  </si>
  <si>
    <t>うち院内の出生</t>
    <rPh sb="2" eb="4">
      <t>インナイ</t>
    </rPh>
    <rPh sb="5" eb="7">
      <t>シュッショウ</t>
    </rPh>
    <phoneticPr fontId="7"/>
  </si>
  <si>
    <t>退棟先の場所</t>
    <rPh sb="0" eb="1">
      <t>シリゾ</t>
    </rPh>
    <rPh sb="1" eb="2">
      <t>トウ</t>
    </rPh>
    <rPh sb="2" eb="3">
      <t>サキ</t>
    </rPh>
    <rPh sb="4" eb="5">
      <t>バ</t>
    </rPh>
    <rPh sb="5" eb="6">
      <t>ジョ</t>
    </rPh>
    <phoneticPr fontId="7"/>
  </si>
  <si>
    <t>うち院内の他病棟へ転棟</t>
    <rPh sb="2" eb="4">
      <t>インナイ</t>
    </rPh>
    <rPh sb="5" eb="6">
      <t>タ</t>
    </rPh>
    <rPh sb="6" eb="8">
      <t>ビョウトウ</t>
    </rPh>
    <rPh sb="9" eb="11">
      <t>テントウ</t>
    </rPh>
    <phoneticPr fontId="7"/>
  </si>
  <si>
    <t>うち家庭へ退院</t>
    <rPh sb="2" eb="4">
      <t>カテイ</t>
    </rPh>
    <rPh sb="5" eb="7">
      <t>タイイン</t>
    </rPh>
    <phoneticPr fontId="7"/>
  </si>
  <si>
    <t>うち他の病院、診療所へ転院</t>
    <rPh sb="2" eb="3">
      <t>タ</t>
    </rPh>
    <rPh sb="4" eb="6">
      <t>ビョウイン</t>
    </rPh>
    <rPh sb="7" eb="10">
      <t>シンリョウジョ</t>
    </rPh>
    <rPh sb="11" eb="12">
      <t>テン</t>
    </rPh>
    <rPh sb="12" eb="13">
      <t>イン</t>
    </rPh>
    <phoneticPr fontId="7"/>
  </si>
  <si>
    <t>うち介護老人保健施設に入所</t>
    <rPh sb="2" eb="4">
      <t>カイゴ</t>
    </rPh>
    <rPh sb="4" eb="6">
      <t>ロウジン</t>
    </rPh>
    <rPh sb="6" eb="8">
      <t>ホケン</t>
    </rPh>
    <rPh sb="8" eb="10">
      <t>シセツ</t>
    </rPh>
    <rPh sb="11" eb="13">
      <t>ニュウショ</t>
    </rPh>
    <phoneticPr fontId="7"/>
  </si>
  <si>
    <t>うち介護老人福祉施設に入所</t>
    <rPh sb="2" eb="4">
      <t>カイゴ</t>
    </rPh>
    <rPh sb="4" eb="6">
      <t>ロウジン</t>
    </rPh>
    <rPh sb="6" eb="8">
      <t>フクシ</t>
    </rPh>
    <rPh sb="8" eb="10">
      <t>シセツ</t>
    </rPh>
    <rPh sb="11" eb="13">
      <t>ニュウショ</t>
    </rPh>
    <phoneticPr fontId="7"/>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7"/>
  </si>
  <si>
    <t>うち終了（死亡退院等）</t>
    <phoneticPr fontId="7"/>
  </si>
  <si>
    <t>年間</t>
    <rPh sb="0" eb="2">
      <t>ネンカン</t>
    </rPh>
    <phoneticPr fontId="7"/>
  </si>
  <si>
    <t>新規入棟患者数（年間）</t>
    <rPh sb="0" eb="2">
      <t>シンキ</t>
    </rPh>
    <rPh sb="2" eb="4">
      <t>ニュウトウ</t>
    </rPh>
    <rPh sb="4" eb="7">
      <t>カンジャスウ</t>
    </rPh>
    <rPh sb="8" eb="9">
      <t>ネン</t>
    </rPh>
    <phoneticPr fontId="7"/>
  </si>
  <si>
    <t>退棟患者数（年間）</t>
    <rPh sb="0" eb="2">
      <t>タイトウ</t>
    </rPh>
    <rPh sb="2" eb="4">
      <t>カンジャ</t>
    </rPh>
    <rPh sb="4" eb="5">
      <t>スウ</t>
    </rPh>
    <rPh sb="6" eb="7">
      <t>ネン</t>
    </rPh>
    <phoneticPr fontId="7"/>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7"/>
  </si>
  <si>
    <t>退院患者数（年間）</t>
    <rPh sb="0" eb="2">
      <t>タイイン</t>
    </rPh>
    <rPh sb="2" eb="4">
      <t>カンジャ</t>
    </rPh>
    <rPh sb="4" eb="5">
      <t>スウ</t>
    </rPh>
    <rPh sb="6" eb="7">
      <t>ネン</t>
    </rPh>
    <phoneticPr fontId="7"/>
  </si>
  <si>
    <t>看取りを行った患者数</t>
    <rPh sb="0" eb="2">
      <t>ミト</t>
    </rPh>
    <rPh sb="4" eb="5">
      <t>オコナ</t>
    </rPh>
    <rPh sb="7" eb="9">
      <t>カンジャ</t>
    </rPh>
    <rPh sb="9" eb="10">
      <t>スウ</t>
    </rPh>
    <phoneticPr fontId="7"/>
  </si>
  <si>
    <t>※在宅療養支援病院の届出を行っている病院のみが報告する事項です。</t>
    <rPh sb="13" eb="14">
      <t>オコナ</t>
    </rPh>
    <rPh sb="18" eb="20">
      <t>ビョウイン</t>
    </rPh>
    <rPh sb="23" eb="25">
      <t>ホウコク</t>
    </rPh>
    <rPh sb="27" eb="29">
      <t>ジコウ</t>
    </rPh>
    <phoneticPr fontId="7"/>
  </si>
  <si>
    <t>うち自宅での看取り数</t>
    <rPh sb="2" eb="4">
      <t>ジタク</t>
    </rPh>
    <rPh sb="9" eb="10">
      <t>スウ</t>
    </rPh>
    <phoneticPr fontId="7"/>
  </si>
  <si>
    <t>うち自宅以外での看取り数</t>
    <rPh sb="2" eb="4">
      <t>ジタク</t>
    </rPh>
    <rPh sb="4" eb="6">
      <t>イガイ</t>
    </rPh>
    <rPh sb="11" eb="12">
      <t>スウ</t>
    </rPh>
    <phoneticPr fontId="7"/>
  </si>
  <si>
    <t>うち連携医療機関での看取り数</t>
    <rPh sb="2" eb="4">
      <t>レンケイ</t>
    </rPh>
    <rPh sb="4" eb="6">
      <t>イリョウ</t>
    </rPh>
    <rPh sb="6" eb="8">
      <t>キカン</t>
    </rPh>
    <rPh sb="13" eb="14">
      <t>スウ</t>
    </rPh>
    <phoneticPr fontId="7"/>
  </si>
  <si>
    <t>うち連携医療機関以外での看取り数</t>
    <rPh sb="2" eb="4">
      <t>レンケイ</t>
    </rPh>
    <rPh sb="4" eb="6">
      <t>イリョウ</t>
    </rPh>
    <rPh sb="6" eb="8">
      <t>キカン</t>
    </rPh>
    <rPh sb="8" eb="10">
      <t>イガイ</t>
    </rPh>
    <rPh sb="15" eb="16">
      <t>スウ</t>
    </rPh>
    <phoneticPr fontId="7"/>
  </si>
  <si>
    <t>・リハビリテーションの実施状況</t>
    <phoneticPr fontId="7"/>
  </si>
  <si>
    <t>・救急医療の実施状況</t>
    <phoneticPr fontId="7"/>
  </si>
  <si>
    <t>◆医療内容に関する情報（手術、リハビリテーションの実施状況など）</t>
    <phoneticPr fontId="3"/>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7"/>
  </si>
  <si>
    <t xml:space="preserve">分娩件数は、分娩を行った患者数です。
</t>
    <phoneticPr fontId="7"/>
  </si>
  <si>
    <t>重症患者への対応状況</t>
    <rPh sb="0" eb="2">
      <t>ジュウショウ</t>
    </rPh>
    <rPh sb="2" eb="4">
      <t>カンジャ</t>
    </rPh>
    <rPh sb="6" eb="8">
      <t>タイオウ</t>
    </rPh>
    <rPh sb="8" eb="10">
      <t>ジョウキョウ</t>
    </rPh>
    <phoneticPr fontId="7"/>
  </si>
  <si>
    <t xml:space="preserve">一般病棟用の重症度、医療・看護必要度の基準を満たす患者の割合は、医療・看護処置の必要性（A得点）や身体機能の状況（B得点）、手術等の医学的状況（C得点）を共通の評価票を用いて評価しています。割合が高いほど、必要な医療処置やケアの程度が高い患者が多いことを示します。
</t>
    <phoneticPr fontId="7"/>
  </si>
  <si>
    <t>「総合入院体制加算」の届出を行っている場合における、
一般病棟用の重症度、医療・看護必要度の基準を満たす患者の割合</t>
    <rPh sb="1" eb="3">
      <t>ソウゴウ</t>
    </rPh>
    <rPh sb="3" eb="5">
      <t>ニュウイン</t>
    </rPh>
    <rPh sb="5" eb="7">
      <t>タイセイ</t>
    </rPh>
    <rPh sb="7" eb="9">
      <t>カサン</t>
    </rPh>
    <rPh sb="27" eb="29">
      <t>イッパン</t>
    </rPh>
    <rPh sb="29" eb="31">
      <t>ビョウトウ</t>
    </rPh>
    <rPh sb="31" eb="32">
      <t>ヨウ</t>
    </rPh>
    <rPh sb="33" eb="35">
      <t>ジュウショウ</t>
    </rPh>
    <rPh sb="35" eb="36">
      <t>ド</t>
    </rPh>
    <rPh sb="37" eb="39">
      <t>イリョウ</t>
    </rPh>
    <rPh sb="40" eb="42">
      <t>カンゴ</t>
    </rPh>
    <rPh sb="42" eb="45">
      <t>ヒツヨウド</t>
    </rPh>
    <rPh sb="46" eb="48">
      <t>キジュン</t>
    </rPh>
    <rPh sb="49" eb="50">
      <t>ミ</t>
    </rPh>
    <rPh sb="52" eb="54">
      <t>カンジャ</t>
    </rPh>
    <rPh sb="55" eb="57">
      <t>ワリアイ</t>
    </rPh>
    <phoneticPr fontId="7"/>
  </si>
  <si>
    <t>救急医療の実施状況</t>
    <rPh sb="0" eb="2">
      <t>キュウキュウ</t>
    </rPh>
    <rPh sb="2" eb="4">
      <t>イリョウ</t>
    </rPh>
    <rPh sb="5" eb="7">
      <t>ジッシ</t>
    </rPh>
    <rPh sb="7" eb="9">
      <t>ジョウキョウ</t>
    </rPh>
    <phoneticPr fontId="7"/>
  </si>
  <si>
    <t xml:space="preserve">休日に受診した患者延べ数は、休日（日曜、祝日、年末年始）に受診した患者数と、そのうち診療後にただちに入院が必要となった患者数です。
</t>
    <phoneticPr fontId="7"/>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7"/>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 xml:space="preserve">救急車の受入件数は、救急車や救急医療用ヘリコプター等により搬送され受け入れた患者数です。
</t>
    <phoneticPr fontId="3"/>
  </si>
  <si>
    <t>リハビリテーションの実施状況</t>
    <phoneticPr fontId="7"/>
  </si>
  <si>
    <t xml:space="preserve">体制強化加算は、患者の早期の機能回復や退院を促進するために、専門の医師や社会福祉士を配置していることを示す項目です。値はこうした病棟に入院している患者数です。
</t>
    <phoneticPr fontId="7"/>
  </si>
  <si>
    <t>リハビリテーションを実施した患者の割合</t>
    <rPh sb="10" eb="12">
      <t>ジッシ</t>
    </rPh>
    <rPh sb="14" eb="16">
      <t>カンジャ</t>
    </rPh>
    <rPh sb="17" eb="19">
      <t>ワリアイ</t>
    </rPh>
    <phoneticPr fontId="7"/>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7"/>
  </si>
  <si>
    <t xml:space="preserve">実績指数とは、回復期リハビリテーション病棟におけるリハビリテーションの提供実績を評価する指標で、提供実績を有するほど、数値が高くなります。
</t>
    <phoneticPr fontId="7"/>
  </si>
  <si>
    <t>-</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基本情報（職員配置、届出の状況など）</t>
    <phoneticPr fontId="3"/>
  </si>
  <si>
    <t>患者の入退院等の状況</t>
    <phoneticPr fontId="7"/>
  </si>
  <si>
    <t>医療内容に関する情報
（手術、リハビリテーションの実施状況など）</t>
    <phoneticPr fontId="3"/>
  </si>
  <si>
    <t>休棟中(今後再開する予定)</t>
    <rPh sb="4" eb="6">
      <t>コンゴ</t>
    </rPh>
    <rPh sb="6" eb="8">
      <t>サイカイ</t>
    </rPh>
    <rPh sb="10" eb="12">
      <t>ヨテイ</t>
    </rPh>
    <phoneticPr fontId="7"/>
  </si>
  <si>
    <t>休棟中(今後廃止する予定)</t>
    <rPh sb="6" eb="8">
      <t>ハイシ</t>
    </rPh>
    <phoneticPr fontId="7"/>
  </si>
  <si>
    <t>無回答等</t>
    <phoneticPr fontId="7"/>
  </si>
  <si>
    <t>廃止予定</t>
    <rPh sb="0" eb="2">
      <t>ハイシ</t>
    </rPh>
    <phoneticPr fontId="7"/>
  </si>
  <si>
    <t>休棟予定</t>
    <phoneticPr fontId="7"/>
  </si>
  <si>
    <t>入院患者の状況（年間／入棟前の場所・退棟先の場所の状況）</t>
    <rPh sb="0" eb="2">
      <t>ニュウイン</t>
    </rPh>
    <rPh sb="2" eb="4">
      <t>カンジャ</t>
    </rPh>
    <rPh sb="5" eb="7">
      <t>ジョウキョウ</t>
    </rPh>
    <rPh sb="8" eb="10">
      <t>ネンカン</t>
    </rPh>
    <rPh sb="15" eb="17">
      <t>バショ</t>
    </rPh>
    <rPh sb="18" eb="19">
      <t>タイ</t>
    </rPh>
    <rPh sb="19" eb="20">
      <t>トウ</t>
    </rPh>
    <rPh sb="20" eb="21">
      <t>サキ</t>
    </rPh>
    <rPh sb="22" eb="24">
      <t>バショ</t>
    </rPh>
    <rPh sb="25" eb="27">
      <t>ジョウキョウ</t>
    </rPh>
    <phoneticPr fontId="3"/>
  </si>
  <si>
    <t>うち介護医療院に入所</t>
    <rPh sb="2" eb="4">
      <t>カイゴ</t>
    </rPh>
    <rPh sb="4" eb="6">
      <t>イリョウ</t>
    </rPh>
    <rPh sb="6" eb="7">
      <t>イン</t>
    </rPh>
    <rPh sb="8" eb="10">
      <t>ニュウショ</t>
    </rPh>
    <phoneticPr fontId="7"/>
  </si>
  <si>
    <t>2025年7月1日時点の予定病床数</t>
    <rPh sb="4" eb="5">
      <t>ネン</t>
    </rPh>
    <rPh sb="6" eb="7">
      <t>ガツ</t>
    </rPh>
    <rPh sb="8" eb="9">
      <t>ニチ</t>
    </rPh>
    <rPh sb="9" eb="11">
      <t>ジテン</t>
    </rPh>
    <rPh sb="12" eb="14">
      <t>ヨテイ</t>
    </rPh>
    <rPh sb="14" eb="17">
      <t>ビョウショウスウ</t>
    </rPh>
    <phoneticPr fontId="7"/>
  </si>
  <si>
    <t>※並び順に注意！</t>
    <rPh sb="1" eb="2">
      <t>ナラ</t>
    </rPh>
    <rPh sb="3" eb="4">
      <t>ジュン</t>
    </rPh>
    <rPh sb="5" eb="7">
      <t>チュウイ</t>
    </rPh>
    <phoneticPr fontId="3"/>
  </si>
  <si>
    <t>様式1病棟票(112)</t>
    <rPh sb="0" eb="2">
      <t>ヨウシキ</t>
    </rPh>
    <rPh sb="3" eb="5">
      <t>ビョウトウ</t>
    </rPh>
    <rPh sb="5" eb="6">
      <t>ヒョウ</t>
    </rPh>
    <phoneticPr fontId="3"/>
  </si>
  <si>
    <t>当該病棟において届出を行っている一般病棟用の重症度、医療・看護必要度の評価方法</t>
    <phoneticPr fontId="3"/>
  </si>
  <si>
    <t>様式1病院病棟票(74)</t>
    <rPh sb="0" eb="2">
      <t>ヨウシキ</t>
    </rPh>
    <rPh sb="3" eb="5">
      <t>ビョウイン</t>
    </rPh>
    <rPh sb="5" eb="7">
      <t>ビョウトウ</t>
    </rPh>
    <rPh sb="7" eb="8">
      <t>ヒョウ</t>
    </rPh>
    <phoneticPr fontId="3"/>
  </si>
  <si>
    <t>様式1病院病棟票(78)</t>
    <rPh sb="0" eb="2">
      <t>ヨウシキ</t>
    </rPh>
    <rPh sb="3" eb="5">
      <t>ビョウイン</t>
    </rPh>
    <rPh sb="5" eb="7">
      <t>ビョウトウ</t>
    </rPh>
    <rPh sb="7" eb="8">
      <t>ヒョウ</t>
    </rPh>
    <phoneticPr fontId="3"/>
  </si>
  <si>
    <t>様式1病院病棟票(79)</t>
    <rPh sb="0" eb="2">
      <t>ヨウシキ</t>
    </rPh>
    <rPh sb="3" eb="5">
      <t>ビョウイン</t>
    </rPh>
    <rPh sb="5" eb="7">
      <t>ビョウトウ</t>
    </rPh>
    <rPh sb="7" eb="8">
      <t>ヒョウ</t>
    </rPh>
    <phoneticPr fontId="3"/>
  </si>
  <si>
    <t>様式1病院病棟票(80)</t>
    <rPh sb="0" eb="2">
      <t>ヨウシキ</t>
    </rPh>
    <rPh sb="3" eb="5">
      <t>ビョウイン</t>
    </rPh>
    <rPh sb="5" eb="7">
      <t>ビョウトウ</t>
    </rPh>
    <rPh sb="7" eb="8">
      <t>ヒョウ</t>
    </rPh>
    <phoneticPr fontId="3"/>
  </si>
  <si>
    <t>様式1病院病棟票(81)</t>
    <rPh sb="0" eb="2">
      <t>ヨウシキ</t>
    </rPh>
    <rPh sb="3" eb="5">
      <t>ビョウイン</t>
    </rPh>
    <rPh sb="5" eb="7">
      <t>ビョウトウ</t>
    </rPh>
    <rPh sb="7" eb="8">
      <t>ヒョウ</t>
    </rPh>
    <phoneticPr fontId="3"/>
  </si>
  <si>
    <t>様式1病院病棟票(82)</t>
    <rPh sb="0" eb="2">
      <t>ヨウシキ</t>
    </rPh>
    <rPh sb="3" eb="5">
      <t>ビョウイン</t>
    </rPh>
    <rPh sb="5" eb="7">
      <t>ビョウトウ</t>
    </rPh>
    <rPh sb="7" eb="8">
      <t>ヒョウ</t>
    </rPh>
    <phoneticPr fontId="3"/>
  </si>
  <si>
    <t>様式1病院病棟票(83)</t>
    <rPh sb="0" eb="2">
      <t>ヨウシキ</t>
    </rPh>
    <rPh sb="3" eb="5">
      <t>ビョウイン</t>
    </rPh>
    <rPh sb="5" eb="7">
      <t>ビョウトウ</t>
    </rPh>
    <rPh sb="7" eb="8">
      <t>ヒョウ</t>
    </rPh>
    <phoneticPr fontId="3"/>
  </si>
  <si>
    <t>様式1病院病棟票(84)</t>
    <rPh sb="0" eb="2">
      <t>ヨウシキ</t>
    </rPh>
    <rPh sb="3" eb="5">
      <t>ビョウイン</t>
    </rPh>
    <rPh sb="5" eb="7">
      <t>ビョウトウ</t>
    </rPh>
    <rPh sb="7" eb="8">
      <t>ヒョウ</t>
    </rPh>
    <phoneticPr fontId="3"/>
  </si>
  <si>
    <t>様式1病院病棟票(88)</t>
    <rPh sb="0" eb="2">
      <t>ヨウシキ</t>
    </rPh>
    <rPh sb="3" eb="5">
      <t>ビョウイン</t>
    </rPh>
    <rPh sb="5" eb="7">
      <t>ビョウトウ</t>
    </rPh>
    <rPh sb="7" eb="8">
      <t>ヒョウ</t>
    </rPh>
    <phoneticPr fontId="3"/>
  </si>
  <si>
    <t>様式1病院病棟票(89)</t>
    <rPh sb="0" eb="2">
      <t>ヨウシキ</t>
    </rPh>
    <rPh sb="3" eb="5">
      <t>ビョウイン</t>
    </rPh>
    <rPh sb="5" eb="7">
      <t>ビョウトウ</t>
    </rPh>
    <rPh sb="7" eb="8">
      <t>ヒョウ</t>
    </rPh>
    <phoneticPr fontId="3"/>
  </si>
  <si>
    <t>様式1病院病棟票(90)</t>
    <rPh sb="0" eb="2">
      <t>ヨウシキ</t>
    </rPh>
    <rPh sb="3" eb="5">
      <t>ビョウイン</t>
    </rPh>
    <rPh sb="5" eb="7">
      <t>ビョウトウ</t>
    </rPh>
    <rPh sb="7" eb="8">
      <t>ヒョウ</t>
    </rPh>
    <phoneticPr fontId="3"/>
  </si>
  <si>
    <t>様式1病院病棟票(91)</t>
    <rPh sb="0" eb="2">
      <t>ヨウシキ</t>
    </rPh>
    <rPh sb="3" eb="5">
      <t>ビョウイン</t>
    </rPh>
    <rPh sb="5" eb="7">
      <t>ビョウトウ</t>
    </rPh>
    <rPh sb="7" eb="8">
      <t>ヒョウ</t>
    </rPh>
    <phoneticPr fontId="3"/>
  </si>
  <si>
    <t>様式1病院病棟票(92)</t>
    <rPh sb="0" eb="2">
      <t>ヨウシキ</t>
    </rPh>
    <rPh sb="3" eb="5">
      <t>ビョウイン</t>
    </rPh>
    <rPh sb="5" eb="7">
      <t>ビョウトウ</t>
    </rPh>
    <rPh sb="7" eb="8">
      <t>ヒョウ</t>
    </rPh>
    <phoneticPr fontId="3"/>
  </si>
  <si>
    <t>様式1病院病棟票(93)</t>
    <rPh sb="0" eb="2">
      <t>ヨウシキ</t>
    </rPh>
    <rPh sb="3" eb="5">
      <t>ビョウイン</t>
    </rPh>
    <rPh sb="5" eb="7">
      <t>ビョウトウ</t>
    </rPh>
    <rPh sb="7" eb="8">
      <t>ヒョウ</t>
    </rPh>
    <phoneticPr fontId="3"/>
  </si>
  <si>
    <t>様式1病院病棟票(94)</t>
    <rPh sb="0" eb="2">
      <t>ヨウシキ</t>
    </rPh>
    <rPh sb="3" eb="5">
      <t>ビョウイン</t>
    </rPh>
    <rPh sb="5" eb="7">
      <t>ビョウトウ</t>
    </rPh>
    <rPh sb="7" eb="8">
      <t>ヒョウ</t>
    </rPh>
    <phoneticPr fontId="3"/>
  </si>
  <si>
    <t>様式1病院病棟票(98)</t>
    <rPh sb="0" eb="2">
      <t>ヨウシキ</t>
    </rPh>
    <rPh sb="3" eb="5">
      <t>ビョウイン</t>
    </rPh>
    <rPh sb="5" eb="7">
      <t>ビョウトウ</t>
    </rPh>
    <rPh sb="7" eb="8">
      <t>ヒョウ</t>
    </rPh>
    <phoneticPr fontId="3"/>
  </si>
  <si>
    <t>様式1病院病棟票(99)</t>
    <rPh sb="0" eb="2">
      <t>ヨウシキ</t>
    </rPh>
    <rPh sb="3" eb="5">
      <t>ビョウイン</t>
    </rPh>
    <rPh sb="5" eb="7">
      <t>ビョウトウ</t>
    </rPh>
    <rPh sb="7" eb="8">
      <t>ヒョウ</t>
    </rPh>
    <phoneticPr fontId="3"/>
  </si>
  <si>
    <t>様式1病院病棟票(100)</t>
    <rPh sb="0" eb="2">
      <t>ヨウシキ</t>
    </rPh>
    <rPh sb="3" eb="5">
      <t>ビョウイン</t>
    </rPh>
    <rPh sb="5" eb="7">
      <t>ビョウトウ</t>
    </rPh>
    <rPh sb="7" eb="8">
      <t>ヒョウ</t>
    </rPh>
    <phoneticPr fontId="3"/>
  </si>
  <si>
    <t>様式1病院病棟票(101)</t>
    <rPh sb="0" eb="2">
      <t>ヨウシキ</t>
    </rPh>
    <rPh sb="3" eb="5">
      <t>ビョウイン</t>
    </rPh>
    <rPh sb="5" eb="7">
      <t>ビョウトウ</t>
    </rPh>
    <rPh sb="7" eb="8">
      <t>ヒョウ</t>
    </rPh>
    <phoneticPr fontId="3"/>
  </si>
  <si>
    <t>様式1病院病棟票(102)</t>
    <rPh sb="0" eb="2">
      <t>ヨウシキ</t>
    </rPh>
    <rPh sb="3" eb="5">
      <t>ビョウイン</t>
    </rPh>
    <rPh sb="5" eb="7">
      <t>ビョウトウ</t>
    </rPh>
    <rPh sb="7" eb="8">
      <t>ヒョウ</t>
    </rPh>
    <phoneticPr fontId="3"/>
  </si>
  <si>
    <t>様式1病院病棟票(103)</t>
    <rPh sb="0" eb="2">
      <t>ヨウシキ</t>
    </rPh>
    <rPh sb="3" eb="5">
      <t>ビョウイン</t>
    </rPh>
    <rPh sb="5" eb="7">
      <t>ビョウトウ</t>
    </rPh>
    <rPh sb="7" eb="8">
      <t>ヒョウ</t>
    </rPh>
    <phoneticPr fontId="3"/>
  </si>
  <si>
    <t>様式1病院病棟票(104)</t>
    <rPh sb="0" eb="2">
      <t>ヨウシキ</t>
    </rPh>
    <rPh sb="3" eb="5">
      <t>ビョウイン</t>
    </rPh>
    <rPh sb="5" eb="7">
      <t>ビョウトウ</t>
    </rPh>
    <rPh sb="7" eb="8">
      <t>ヒョウ</t>
    </rPh>
    <phoneticPr fontId="3"/>
  </si>
  <si>
    <t>様式1病院施設票(71)</t>
    <rPh sb="0" eb="2">
      <t>ヨウシキ</t>
    </rPh>
    <rPh sb="3" eb="5">
      <t>ビョウイン</t>
    </rPh>
    <rPh sb="5" eb="7">
      <t>シセツ</t>
    </rPh>
    <rPh sb="7" eb="8">
      <t>ヒョウ</t>
    </rPh>
    <phoneticPr fontId="3"/>
  </si>
  <si>
    <t>様式1病院施設票(72)</t>
    <rPh sb="0" eb="2">
      <t>ヨウシキ</t>
    </rPh>
    <rPh sb="3" eb="5">
      <t>ビョウイン</t>
    </rPh>
    <rPh sb="5" eb="7">
      <t>シセツ</t>
    </rPh>
    <rPh sb="7" eb="8">
      <t>ヒョウ</t>
    </rPh>
    <phoneticPr fontId="3"/>
  </si>
  <si>
    <t>様式1病院施設票(73)</t>
    <rPh sb="0" eb="2">
      <t>ヨウシキ</t>
    </rPh>
    <rPh sb="3" eb="5">
      <t>ビョウイン</t>
    </rPh>
    <rPh sb="5" eb="7">
      <t>シセツ</t>
    </rPh>
    <rPh sb="7" eb="8">
      <t>ヒョウ</t>
    </rPh>
    <phoneticPr fontId="3"/>
  </si>
  <si>
    <t>様式1病院施設票(74)</t>
    <rPh sb="0" eb="2">
      <t>ヨウシキ</t>
    </rPh>
    <rPh sb="3" eb="5">
      <t>ビョウイン</t>
    </rPh>
    <rPh sb="5" eb="7">
      <t>シセツ</t>
    </rPh>
    <rPh sb="7" eb="8">
      <t>ヒョウ</t>
    </rPh>
    <phoneticPr fontId="3"/>
  </si>
  <si>
    <t>様式1病院施設票(75)</t>
    <rPh sb="0" eb="2">
      <t>ヨウシキ</t>
    </rPh>
    <rPh sb="3" eb="5">
      <t>ビョウイン</t>
    </rPh>
    <rPh sb="5" eb="7">
      <t>シセツ</t>
    </rPh>
    <rPh sb="7" eb="8">
      <t>ヒョウ</t>
    </rPh>
    <phoneticPr fontId="3"/>
  </si>
  <si>
    <t>様式1病院病棟票(105)</t>
    <rPh sb="0" eb="2">
      <t>ヨウシキ</t>
    </rPh>
    <rPh sb="3" eb="5">
      <t>ビョウイン</t>
    </rPh>
    <rPh sb="5" eb="7">
      <t>ビョウトウ</t>
    </rPh>
    <rPh sb="7" eb="8">
      <t>ヒョウ</t>
    </rPh>
    <phoneticPr fontId="3"/>
  </si>
  <si>
    <t>様式1病院病棟票(106)</t>
    <rPh sb="0" eb="2">
      <t>ヨウシキ</t>
    </rPh>
    <rPh sb="3" eb="5">
      <t>ビョウイン</t>
    </rPh>
    <rPh sb="5" eb="7">
      <t>ビョウトウ</t>
    </rPh>
    <rPh sb="7" eb="8">
      <t>ヒョウ</t>
    </rPh>
    <phoneticPr fontId="3"/>
  </si>
  <si>
    <t>様式1病院病棟票(107)</t>
    <rPh sb="0" eb="2">
      <t>ヨウシキ</t>
    </rPh>
    <rPh sb="3" eb="5">
      <t>ビョウイン</t>
    </rPh>
    <rPh sb="5" eb="7">
      <t>ビョウトウ</t>
    </rPh>
    <rPh sb="7" eb="8">
      <t>ヒョウ</t>
    </rPh>
    <phoneticPr fontId="3"/>
  </si>
  <si>
    <t>様式1病院病棟票(108)</t>
    <rPh sb="0" eb="2">
      <t>ヨウシキ</t>
    </rPh>
    <rPh sb="3" eb="5">
      <t>ビョウイン</t>
    </rPh>
    <rPh sb="5" eb="7">
      <t>ビョウトウ</t>
    </rPh>
    <rPh sb="7" eb="8">
      <t>ヒョウ</t>
    </rPh>
    <phoneticPr fontId="3"/>
  </si>
  <si>
    <t>様式1病院病棟票(109)</t>
    <rPh sb="0" eb="2">
      <t>ヨウシキ</t>
    </rPh>
    <rPh sb="3" eb="5">
      <t>ビョウイン</t>
    </rPh>
    <rPh sb="5" eb="7">
      <t>ビョウトウ</t>
    </rPh>
    <rPh sb="7" eb="8">
      <t>ヒョウ</t>
    </rPh>
    <phoneticPr fontId="3"/>
  </si>
  <si>
    <t>様式1病院病棟票(110)</t>
    <rPh sb="0" eb="2">
      <t>ヨウシキ</t>
    </rPh>
    <rPh sb="3" eb="5">
      <t>ビョウイン</t>
    </rPh>
    <rPh sb="5" eb="7">
      <t>ビョウトウ</t>
    </rPh>
    <rPh sb="7" eb="8">
      <t>ヒョウ</t>
    </rPh>
    <phoneticPr fontId="3"/>
  </si>
  <si>
    <t>様式1病院病棟票(111)</t>
    <rPh sb="0" eb="2">
      <t>ヨウシキ</t>
    </rPh>
    <rPh sb="3" eb="5">
      <t>ビョウイン</t>
    </rPh>
    <rPh sb="5" eb="7">
      <t>ビョウトウ</t>
    </rPh>
    <rPh sb="7" eb="8">
      <t>ヒョウ</t>
    </rPh>
    <phoneticPr fontId="3"/>
  </si>
  <si>
    <t>様式1病院病棟票(112)</t>
    <rPh sb="0" eb="2">
      <t>ヨウシキ</t>
    </rPh>
    <rPh sb="3" eb="5">
      <t>ビョウイン</t>
    </rPh>
    <rPh sb="5" eb="7">
      <t>ビョウトウ</t>
    </rPh>
    <rPh sb="7" eb="8">
      <t>ヒョウ</t>
    </rPh>
    <phoneticPr fontId="3"/>
  </si>
  <si>
    <t>様式1病院病棟票(113)</t>
    <rPh sb="0" eb="2">
      <t>ヨウシキ</t>
    </rPh>
    <rPh sb="3" eb="5">
      <t>ビョウイン</t>
    </rPh>
    <rPh sb="5" eb="7">
      <t>ビョウトウ</t>
    </rPh>
    <rPh sb="7" eb="8">
      <t>ヒョウ</t>
    </rPh>
    <phoneticPr fontId="3"/>
  </si>
  <si>
    <t>無回答等</t>
    <phoneticPr fontId="7"/>
  </si>
  <si>
    <t>メニューへ戻る</t>
    <rPh sb="5" eb="6">
      <t>モド</t>
    </rPh>
    <phoneticPr fontId="3"/>
  </si>
  <si>
    <t>・入院患者の状況（年間／入棟前の場所・退棟先の場所の状況）</t>
    <phoneticPr fontId="7"/>
  </si>
  <si>
    <t>・重症患者への対応状況</t>
    <phoneticPr fontId="7"/>
  </si>
  <si>
    <t>変更予定年月</t>
    <rPh sb="0" eb="2">
      <t>ヘンコウ</t>
    </rPh>
    <rPh sb="2" eb="4">
      <t>ヨテイ</t>
    </rPh>
    <rPh sb="4" eb="6">
      <t>ネンゲツ</t>
    </rPh>
    <phoneticPr fontId="7"/>
  </si>
  <si>
    <t>うち介護施設・福祉施設からの入院</t>
    <rPh sb="2" eb="4">
      <t>カイゴ</t>
    </rPh>
    <rPh sb="4" eb="6">
      <t>シセツ</t>
    </rPh>
    <rPh sb="7" eb="9">
      <t>フクシ</t>
    </rPh>
    <rPh sb="9" eb="11">
      <t>シセツ</t>
    </rPh>
    <rPh sb="14" eb="16">
      <t>ニュウイン</t>
    </rPh>
    <phoneticPr fontId="7"/>
  </si>
  <si>
    <t>うち介護医療院からの入院</t>
    <rPh sb="2" eb="4">
      <t>カイゴ</t>
    </rPh>
    <rPh sb="4" eb="6">
      <t>イリョウ</t>
    </rPh>
    <rPh sb="6" eb="7">
      <t>イン</t>
    </rPh>
    <rPh sb="10" eb="12">
      <t>ニュウイン</t>
    </rPh>
    <phoneticPr fontId="7"/>
  </si>
  <si>
    <t>休日に受診した患者延べ数（年間）</t>
    <rPh sb="0" eb="2">
      <t>キュウジツ</t>
    </rPh>
    <rPh sb="3" eb="5">
      <t>ジュシン</t>
    </rPh>
    <rPh sb="7" eb="9">
      <t>カンジャ</t>
    </rPh>
    <rPh sb="9" eb="10">
      <t>ノ</t>
    </rPh>
    <rPh sb="11" eb="12">
      <t>スウ</t>
    </rPh>
    <rPh sb="13" eb="15">
      <t>ネンカン</t>
    </rPh>
    <phoneticPr fontId="7"/>
  </si>
  <si>
    <t>夜間・時間外に受診した患者延べ数（年間）</t>
    <rPh sb="0" eb="2">
      <t>ヤカン</t>
    </rPh>
    <rPh sb="3" eb="6">
      <t>ジカンガイ</t>
    </rPh>
    <rPh sb="7" eb="9">
      <t>ジュシン</t>
    </rPh>
    <rPh sb="11" eb="13">
      <t>カンジャ</t>
    </rPh>
    <rPh sb="13" eb="14">
      <t>ノ</t>
    </rPh>
    <rPh sb="15" eb="16">
      <t>スウ</t>
    </rPh>
    <phoneticPr fontId="7"/>
  </si>
  <si>
    <t>救急車の受入件数（年間）</t>
    <rPh sb="0" eb="3">
      <t>キュウキュウシャ</t>
    </rPh>
    <rPh sb="4" eb="6">
      <t>ウケイレ</t>
    </rPh>
    <rPh sb="6" eb="8">
      <t>ケンスウ</t>
    </rPh>
    <phoneticPr fontId="7"/>
  </si>
  <si>
    <t>病床の機能区分＼病棟名</t>
    <rPh sb="0" eb="2">
      <t>ビョウショウ</t>
    </rPh>
    <rPh sb="3" eb="5">
      <t>キノウ</t>
    </rPh>
    <rPh sb="5" eb="7">
      <t>クブン</t>
    </rPh>
    <rPh sb="8" eb="10">
      <t>ビョウトウ</t>
    </rPh>
    <rPh sb="10" eb="11">
      <t>メイ</t>
    </rPh>
    <phoneticPr fontId="7"/>
  </si>
  <si>
    <t>保有する病棟と機能区分の選択状況（2025年7月1日時点における病床の機能の予定）</t>
    <rPh sb="0" eb="2">
      <t>ホユウ</t>
    </rPh>
    <rPh sb="4" eb="6">
      <t>ビョウトウ</t>
    </rPh>
    <rPh sb="7" eb="9">
      <t>キノウ</t>
    </rPh>
    <rPh sb="9" eb="11">
      <t>クブン</t>
    </rPh>
    <rPh sb="12" eb="14">
      <t>センタク</t>
    </rPh>
    <rPh sb="14" eb="16">
      <t>ジョウキョウ</t>
    </rPh>
    <rPh sb="23" eb="24">
      <t>ガツ</t>
    </rPh>
    <rPh sb="25" eb="26">
      <t>ニチ</t>
    </rPh>
    <rPh sb="26" eb="28">
      <t>ジテン</t>
    </rPh>
    <phoneticPr fontId="7"/>
  </si>
  <si>
    <t>病床の機能区分＼病棟名</t>
    <rPh sb="0" eb="2">
      <t>ビョウショウ</t>
    </rPh>
    <rPh sb="3" eb="5">
      <t>キノウ</t>
    </rPh>
    <rPh sb="5" eb="7">
      <t>クブン</t>
    </rPh>
    <phoneticPr fontId="7"/>
  </si>
  <si>
    <t>移行予定先の区分＼病棟名</t>
    <rPh sb="0" eb="2">
      <t>イコウ</t>
    </rPh>
    <rPh sb="2" eb="4">
      <t>ヨテイ</t>
    </rPh>
    <rPh sb="4" eb="5">
      <t>サキ</t>
    </rPh>
    <rPh sb="6" eb="8">
      <t>クブン</t>
    </rPh>
    <phoneticPr fontId="7"/>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7"/>
  </si>
  <si>
    <t>介護療養病床において療養型介護療養施設サービス費等の届出病床数</t>
    <rPh sb="0" eb="2">
      <t>カイゴ</t>
    </rPh>
    <rPh sb="2" eb="4">
      <t>リョウヨウ</t>
    </rPh>
    <rPh sb="4" eb="6">
      <t>ビョウショウ</t>
    </rPh>
    <rPh sb="10" eb="13">
      <t>リョウヨウガタ</t>
    </rPh>
    <rPh sb="13" eb="15">
      <t>カイゴ</t>
    </rPh>
    <rPh sb="15" eb="17">
      <t>リョウヨウ</t>
    </rPh>
    <rPh sb="17" eb="19">
      <t>シセツ</t>
    </rPh>
    <rPh sb="23" eb="24">
      <t>ヒ</t>
    </rPh>
    <rPh sb="24" eb="25">
      <t>トウ</t>
    </rPh>
    <rPh sb="26" eb="28">
      <t>トドケデ</t>
    </rPh>
    <rPh sb="28" eb="31">
      <t>ビョウショウスウ</t>
    </rPh>
    <phoneticPr fontId="7"/>
  </si>
  <si>
    <t>建築時期</t>
    <rPh sb="0" eb="2">
      <t>ケンチク</t>
    </rPh>
    <rPh sb="2" eb="4">
      <t>ジキ</t>
    </rPh>
    <phoneticPr fontId="3"/>
  </si>
  <si>
    <t>構造</t>
    <rPh sb="0" eb="2">
      <t>コウゾウ</t>
    </rPh>
    <phoneticPr fontId="7"/>
  </si>
  <si>
    <t>建物情報＼病棟名</t>
    <rPh sb="0" eb="2">
      <t>タテモノ</t>
    </rPh>
    <rPh sb="2" eb="4">
      <t>ジョウホウ</t>
    </rPh>
    <rPh sb="5" eb="7">
      <t>ビョウトウ</t>
    </rPh>
    <rPh sb="7" eb="8">
      <t>メイ</t>
    </rPh>
    <phoneticPr fontId="7"/>
  </si>
  <si>
    <t>病棟の建築時期と構造</t>
    <rPh sb="0" eb="2">
      <t>ビョウトウ</t>
    </rPh>
    <rPh sb="3" eb="5">
      <t>ケンチク</t>
    </rPh>
    <rPh sb="5" eb="7">
      <t>ジキ</t>
    </rPh>
    <rPh sb="8" eb="10">
      <t>コウゾウ</t>
    </rPh>
    <phoneticPr fontId="7"/>
  </si>
  <si>
    <t>分娩</t>
    <phoneticPr fontId="7"/>
  </si>
  <si>
    <t>うち、機能的自立度評価法（FIM）得点で55点以下の患者数</t>
    <rPh sb="3" eb="6">
      <t>キノウテキ</t>
    </rPh>
    <rPh sb="6" eb="9">
      <t>ジリツド</t>
    </rPh>
    <rPh sb="9" eb="12">
      <t>ヒョウカホウ</t>
    </rPh>
    <rPh sb="17" eb="19">
      <t>トクテン</t>
    </rPh>
    <rPh sb="22" eb="25">
      <t>テンイカ</t>
    </rPh>
    <rPh sb="26" eb="29">
      <t>カンジャスウ</t>
    </rPh>
    <phoneticPr fontId="7"/>
  </si>
  <si>
    <t>・分娩</t>
    <phoneticPr fontId="7"/>
  </si>
  <si>
    <t>保有する病棟と機能区分の選択状況（2020（令和2）年7月1日時点の機能）</t>
    <rPh sb="0" eb="2">
      <t>ホユウ</t>
    </rPh>
    <rPh sb="4" eb="6">
      <t>ビョウトウ</t>
    </rPh>
    <rPh sb="7" eb="9">
      <t>キノウ</t>
    </rPh>
    <rPh sb="9" eb="11">
      <t>クブン</t>
    </rPh>
    <rPh sb="12" eb="14">
      <t>センタク</t>
    </rPh>
    <rPh sb="14" eb="16">
      <t>ジョウキョウ</t>
    </rPh>
    <phoneticPr fontId="7"/>
  </si>
  <si>
    <t>設置主体（2020（令和2）年7月1日時点）</t>
    <rPh sb="0" eb="2">
      <t>セッチ</t>
    </rPh>
    <rPh sb="2" eb="4">
      <t>シュタイ</t>
    </rPh>
    <phoneticPr fontId="7"/>
  </si>
  <si>
    <t xml:space="preserve">病棟の再編・見直しがあった場合の報告対象期間は、令和元年7月1日～令和2年6月30日の期間内に病棟の再編・見直しを行ったことで、過去1年間分の状況を報告することが困難な場合に、令和2年7月1日時点の病棟単位で報告が可能な過去の期間です。
</t>
    <rPh sb="33" eb="35">
      <t>レイワ</t>
    </rPh>
    <rPh sb="88" eb="90">
      <t>レイワ</t>
    </rPh>
    <phoneticPr fontId="7"/>
  </si>
  <si>
    <t>様式1病院病棟票(1)</t>
    <phoneticPr fontId="3"/>
  </si>
  <si>
    <t>様式1病院病棟票(2)</t>
    <phoneticPr fontId="3"/>
  </si>
  <si>
    <t>様式1病院病棟票(3)</t>
    <phoneticPr fontId="3"/>
  </si>
  <si>
    <t>「2025年7月1日時点の機能の実現」に向けて、それ以前に変更予定がある場合</t>
    <phoneticPr fontId="7"/>
  </si>
  <si>
    <t>様式1病院病棟票(4)</t>
    <phoneticPr fontId="3"/>
  </si>
  <si>
    <t>様式1病院施設票(1)</t>
    <phoneticPr fontId="3"/>
  </si>
  <si>
    <t>様式1病院病棟票(5)</t>
    <phoneticPr fontId="3"/>
  </si>
  <si>
    <t xml:space="preserve">医療機関の病床（ベッド）は、法律（医療法）の許可を得た上で設置することとされており、許可を受けた病床のうち、過去1年間に実際に患者を受け入れた病床数（※）を稼働病床数として示しています。
　なお、病室の広さは患者一人あたり6．4平方メートル以上と定められていますが、平成13年3月1日以前に許可を受けた医療機関は、6．4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1年間に最も多く患者を収容した時点で使用した病床数と定義して算出。
</t>
    <phoneticPr fontId="7"/>
  </si>
  <si>
    <t>様式1病院病棟票(6)</t>
    <phoneticPr fontId="3"/>
  </si>
  <si>
    <t>様式1病院病棟票(7)</t>
    <phoneticPr fontId="3"/>
  </si>
  <si>
    <t>様式1病院病棟票(8)</t>
    <phoneticPr fontId="3"/>
  </si>
  <si>
    <t>様式1病院病棟票(9)</t>
    <phoneticPr fontId="3"/>
  </si>
  <si>
    <t>様式1病院病棟票(10)直後</t>
    <phoneticPr fontId="3"/>
  </si>
  <si>
    <t>様式1病院施設票(43)</t>
    <phoneticPr fontId="3"/>
  </si>
  <si>
    <t xml:space="preserve">主とする診療科は、5割以上の患者を診療している診療科を示しています。5割を超える診療科がない場合は、上位3つの診療科を示しています。
</t>
    <phoneticPr fontId="7"/>
  </si>
  <si>
    <t>様式1病院施設票(43)-1</t>
    <phoneticPr fontId="3"/>
  </si>
  <si>
    <t>複数ある場合、上位3つ</t>
    <phoneticPr fontId="3"/>
  </si>
  <si>
    <t>様式1病院施設票(43)-2</t>
    <phoneticPr fontId="3"/>
  </si>
  <si>
    <t>様式1病院施設票(43)-3</t>
    <phoneticPr fontId="3"/>
  </si>
  <si>
    <t>様式1病院病棟票(11)</t>
    <phoneticPr fontId="3"/>
  </si>
  <si>
    <t>入院基本料・特定入院料とは、入院時の基本料金に該当する点数ですが、種類によっては基本料金だけでなく、一定の検査や薬の費用などが包括されている場合もあります。病床を利用する患者の状態や職員の配置状況に応じて入院1日あたりの点数が設定されていて、様々な区分があります。
　この項目は、医療機関において、どの入院基本料・特定入院料の病床がいくつ設定されているか（届出病床数）を示します。</t>
    <phoneticPr fontId="7"/>
  </si>
  <si>
    <t>様式1病院病棟票(12)</t>
    <phoneticPr fontId="3"/>
  </si>
  <si>
    <t>様式1病院病棟票(13)</t>
    <phoneticPr fontId="3"/>
  </si>
  <si>
    <t>様式1病院病棟票(14)</t>
    <phoneticPr fontId="3"/>
  </si>
  <si>
    <t>様式1病院施設票(56)</t>
    <phoneticPr fontId="3"/>
  </si>
  <si>
    <t xml:space="preserve">DPC制度とは、急性期の入院医療を担う医療機関において、患者に対し、入院日数に応じた1日あたり定額の医療費を請求する制度です。この項目は、DPC制度の対象となる病院の特性を示すもので、特性や疾患等に応じて1日あたりの医療費の設定が異なります。Ⅰ群が大学病院本院、Ⅱ群が大学病院本院に準じる病院、Ⅲ群がそれ以外の病院であることを示します。
</t>
    <phoneticPr fontId="7"/>
  </si>
  <si>
    <t>様式1病院施設票(70)</t>
    <phoneticPr fontId="3"/>
  </si>
  <si>
    <t>様式1病院施設票(69)</t>
    <phoneticPr fontId="3"/>
  </si>
  <si>
    <t>様式1病院施設票(68)</t>
    <phoneticPr fontId="3"/>
  </si>
  <si>
    <t>様式1病院施設票(57)</t>
    <phoneticPr fontId="3"/>
  </si>
  <si>
    <t>様式1病院施設票(58)</t>
    <phoneticPr fontId="3"/>
  </si>
  <si>
    <t>様式1病院施設票(59)</t>
    <phoneticPr fontId="3"/>
  </si>
  <si>
    <t>様式1病院施設票(60)</t>
    <phoneticPr fontId="3"/>
  </si>
  <si>
    <t>様式1病院施設票(61)</t>
    <phoneticPr fontId="3"/>
  </si>
  <si>
    <t>様式1病院施設票(2)</t>
    <phoneticPr fontId="3"/>
  </si>
  <si>
    <t>様式1病院施設票(3)</t>
    <phoneticPr fontId="3"/>
  </si>
  <si>
    <t>様式1病院施設票(4)
様式1病院病棟票(32)</t>
    <phoneticPr fontId="3"/>
  </si>
  <si>
    <t>様式1病院施設票(5)
様式1病院病棟票(33)</t>
    <phoneticPr fontId="3"/>
  </si>
  <si>
    <t>様式1病院施設票(6)
様式1病院病棟票(34)</t>
    <phoneticPr fontId="3"/>
  </si>
  <si>
    <t>様式1病院施設票(7)
様式1病院病棟票(35)</t>
    <phoneticPr fontId="3"/>
  </si>
  <si>
    <t>様式1病院施設票(8)
様式1病院病棟票(36)</t>
    <phoneticPr fontId="3"/>
  </si>
  <si>
    <t>様式1病院施設票(9)
様式1病院病棟票(37)</t>
    <phoneticPr fontId="3"/>
  </si>
  <si>
    <t>様式1病院施設票(10)
様式1病院病棟票(38)</t>
    <phoneticPr fontId="3"/>
  </si>
  <si>
    <t>様式1病院施設票(11)
様式1病院病棟票(39)</t>
    <phoneticPr fontId="3"/>
  </si>
  <si>
    <t>様式1病院施設票(12)</t>
    <phoneticPr fontId="3"/>
  </si>
  <si>
    <t>様式1病院施設票(13)</t>
    <phoneticPr fontId="3"/>
  </si>
  <si>
    <t>様式1病院施設票(14)
様式1病院病棟票(40)</t>
    <phoneticPr fontId="3"/>
  </si>
  <si>
    <t>様式1病院施設票(15)
様式1病院病棟票(41)</t>
    <phoneticPr fontId="3"/>
  </si>
  <si>
    <t>様式1病院施設票(26)(36)(46)</t>
    <phoneticPr fontId="3"/>
  </si>
  <si>
    <t>様式1病院施設票(27)(37)(47)</t>
    <phoneticPr fontId="3"/>
  </si>
  <si>
    <t>様式1病院施設票(28)(38)(48)</t>
    <phoneticPr fontId="3"/>
  </si>
  <si>
    <t>様式1病院施設票(29)(39)(49)</t>
    <phoneticPr fontId="3"/>
  </si>
  <si>
    <t>様式1病院施設票(30)(40)(50)</t>
    <phoneticPr fontId="3"/>
  </si>
  <si>
    <t>様式1病院施設票(31)(41)(51)</t>
    <phoneticPr fontId="3"/>
  </si>
  <si>
    <t>様式1病院施設票(32)(42)(52)</t>
    <phoneticPr fontId="3"/>
  </si>
  <si>
    <t>様式1病院施設票(33)(43)(53)</t>
    <phoneticPr fontId="3"/>
  </si>
  <si>
    <t>様式1病院施設票(34)(44)(54)</t>
    <phoneticPr fontId="3"/>
  </si>
  <si>
    <t>様式1病院施設票(35)(45)(55)</t>
    <phoneticPr fontId="3"/>
  </si>
  <si>
    <t>様式1病院施設票(93)</t>
    <phoneticPr fontId="3"/>
  </si>
  <si>
    <t>様式1病院施設票(94)</t>
    <phoneticPr fontId="3"/>
  </si>
  <si>
    <t>様式1病院施設票(95)</t>
    <phoneticPr fontId="3"/>
  </si>
  <si>
    <t>様式1病院施設票(96)</t>
    <phoneticPr fontId="3"/>
  </si>
  <si>
    <t>様式1病院施設票(97)</t>
    <phoneticPr fontId="3"/>
  </si>
  <si>
    <t>様式1病院施設票(98)</t>
    <phoneticPr fontId="3"/>
  </si>
  <si>
    <t>様式1病院施設票(99)</t>
    <phoneticPr fontId="3"/>
  </si>
  <si>
    <t>様式1病院施設票(76)</t>
    <phoneticPr fontId="3"/>
  </si>
  <si>
    <t>様式1病院施設票(77)</t>
    <phoneticPr fontId="3"/>
  </si>
  <si>
    <t>様式1病院施設票(78)</t>
    <phoneticPr fontId="3"/>
  </si>
  <si>
    <t>様式1病院施設票(79)</t>
    <phoneticPr fontId="3"/>
  </si>
  <si>
    <t>様式1病院施設票(80)</t>
    <phoneticPr fontId="3"/>
  </si>
  <si>
    <t>様式1病院施設票(81)</t>
    <phoneticPr fontId="3"/>
  </si>
  <si>
    <t>様式1病院施設票(82)</t>
    <phoneticPr fontId="3"/>
  </si>
  <si>
    <t>様式1病院施設票(83)</t>
    <phoneticPr fontId="3"/>
  </si>
  <si>
    <t>様式1病院施設票(84)</t>
    <phoneticPr fontId="3"/>
  </si>
  <si>
    <t>様式1病院施設票(85)</t>
    <phoneticPr fontId="3"/>
  </si>
  <si>
    <t>様式1病院施設票(86)</t>
    <phoneticPr fontId="3"/>
  </si>
  <si>
    <t>様式1病院施設票(87)</t>
    <phoneticPr fontId="3"/>
  </si>
  <si>
    <t>様式1病院施設票(88)</t>
    <phoneticPr fontId="3"/>
  </si>
  <si>
    <t>様式1病院施設票(89)</t>
    <phoneticPr fontId="3"/>
  </si>
  <si>
    <t>様式1病院施設票(90)</t>
    <phoneticPr fontId="3"/>
  </si>
  <si>
    <t>様式1病院施設票(91)</t>
    <phoneticPr fontId="3"/>
  </si>
  <si>
    <t>様式1病院施設票(92)</t>
    <phoneticPr fontId="3"/>
  </si>
  <si>
    <t>様式1病院病棟票(113)後</t>
    <phoneticPr fontId="3"/>
  </si>
  <si>
    <t>様式1病院病棟票(44)</t>
    <phoneticPr fontId="3"/>
  </si>
  <si>
    <t xml:space="preserve">1年間の入院患者の状況は、令和元年7月1日から令和2年6月30日までに入院、退院した患者数を示す項目です。
</t>
    <phoneticPr fontId="7"/>
  </si>
  <si>
    <t>様式1病院病棟票(45)</t>
    <phoneticPr fontId="3"/>
  </si>
  <si>
    <t>様式1病院病棟票(47)</t>
    <phoneticPr fontId="3"/>
  </si>
  <si>
    <t>様式1病院病棟票(46)</t>
    <phoneticPr fontId="3"/>
  </si>
  <si>
    <t>様式1病院病棟票(48)</t>
    <phoneticPr fontId="3"/>
  </si>
  <si>
    <t>様式1病院病棟票(49)</t>
    <phoneticPr fontId="3"/>
  </si>
  <si>
    <t>様式1病院病棟票(50)</t>
    <phoneticPr fontId="3"/>
  </si>
  <si>
    <t xml:space="preserve">年間の入院患者の状況は、令和元年7月1日～令和2年6月30日の1年間に入院を受け入れた患者の入院前の場所、退院した患者の退院先の場所を示す項目です。
</t>
    <phoneticPr fontId="7"/>
  </si>
  <si>
    <t>様式1病院病棟票(51)</t>
    <phoneticPr fontId="3"/>
  </si>
  <si>
    <t>様式1病院病棟票(52)</t>
    <phoneticPr fontId="3"/>
  </si>
  <si>
    <t>様式1病院病棟票(53)</t>
    <phoneticPr fontId="3"/>
  </si>
  <si>
    <t>様式1病院病棟票(54)</t>
    <phoneticPr fontId="3"/>
  </si>
  <si>
    <t>様式1病院病棟票(55)</t>
    <phoneticPr fontId="3"/>
  </si>
  <si>
    <t>様式1病院病棟票(56)</t>
    <phoneticPr fontId="3"/>
  </si>
  <si>
    <t>様式1病院病棟票(57)</t>
    <phoneticPr fontId="3"/>
  </si>
  <si>
    <t>様式1病院病棟票(58)</t>
    <phoneticPr fontId="3"/>
  </si>
  <si>
    <t>様式1病院病棟票(59)</t>
    <phoneticPr fontId="3"/>
  </si>
  <si>
    <t>様式1病院病棟票(60)</t>
    <phoneticPr fontId="3"/>
  </si>
  <si>
    <t>様式1病院病棟票(61)</t>
    <phoneticPr fontId="3"/>
  </si>
  <si>
    <t>様式1病院病棟票(62)</t>
    <phoneticPr fontId="3"/>
  </si>
  <si>
    <t>様式1病院病棟票(63)</t>
    <phoneticPr fontId="3"/>
  </si>
  <si>
    <t>様式1病院病棟票(64)</t>
    <phoneticPr fontId="3"/>
  </si>
  <si>
    <t>様式1病院病棟票(65)</t>
    <phoneticPr fontId="3"/>
  </si>
  <si>
    <t>様式1病院病棟票(66)</t>
    <phoneticPr fontId="3"/>
  </si>
  <si>
    <t>様式1病院病棟票(67)</t>
    <phoneticPr fontId="3"/>
  </si>
  <si>
    <t>様式1病院病棟票(68)</t>
    <phoneticPr fontId="3"/>
  </si>
  <si>
    <t xml:space="preserve">退院後に在宅医療を必要とする患者の状況は、令和元年7月1日～令和2年6月30日の1年間に退院した患者に対する、在宅医療の提供の必要性に関する項目です。
</t>
    <phoneticPr fontId="3"/>
  </si>
  <si>
    <t>様式1病院病棟票(70)</t>
    <phoneticPr fontId="3"/>
  </si>
  <si>
    <t>退院後1か月以内に自院が在宅医療を提供する予定の患者数</t>
    <phoneticPr fontId="7"/>
  </si>
  <si>
    <t>様式1病院病棟票(71)</t>
    <phoneticPr fontId="3"/>
  </si>
  <si>
    <t>退院後1か月以内に他施設が在宅医療を提供する予定の患者</t>
    <phoneticPr fontId="7"/>
  </si>
  <si>
    <t>様式1病院病棟票(69)</t>
    <phoneticPr fontId="3"/>
  </si>
  <si>
    <t>退院後1か月以内に在宅医療を必要としない患者（死亡退院含む）</t>
    <phoneticPr fontId="7"/>
  </si>
  <si>
    <t>様式1病院病棟票(72)</t>
    <phoneticPr fontId="3"/>
  </si>
  <si>
    <t>退院後1か月以内に在宅医療の実施予定が不明の患者</t>
    <phoneticPr fontId="7"/>
  </si>
  <si>
    <t>様式1病院施設票(62)</t>
    <phoneticPr fontId="3"/>
  </si>
  <si>
    <t>直近1年間で在宅療養を担当した患者のうち、医療機関以外での看取り数（年間）</t>
    <phoneticPr fontId="7"/>
  </si>
  <si>
    <t xml:space="preserve">看取りとは、患者の死期まで見守り臨終に付きそうことをいいます。値は、令和元年7月1日から令和2年6月30日までの1年間に在宅療養を担当し、看取りまで支援した患者について、その看取りを行った場所や数を示しています。
</t>
    <phoneticPr fontId="3"/>
  </si>
  <si>
    <t>様式1病院施設票(63)</t>
    <phoneticPr fontId="3"/>
  </si>
  <si>
    <t>様式1病院施設票(64)</t>
    <phoneticPr fontId="3"/>
  </si>
  <si>
    <t>様式1病院施設票(65)</t>
    <phoneticPr fontId="3"/>
  </si>
  <si>
    <t>直近1年間で在宅療養を担当した患者のうち、医療機関での看取り数（年間）</t>
    <phoneticPr fontId="7"/>
  </si>
  <si>
    <t>様式1病院施設票(66)</t>
    <phoneticPr fontId="3"/>
  </si>
  <si>
    <t>様式1病院施設票(67)</t>
    <phoneticPr fontId="3"/>
  </si>
  <si>
    <t>一般病棟用の重症度、医療・看護必要度を測定することが算定の要件となっている入院基本料（注加算含む）・特定入院料・入院基本料等加算の届出を行っている場合、項目ごとに令和2年6月の1か月間の在棟患者延べ数について「一般病棟用の重症度、医療・看護必要度に係る評価票Ⅰ」、「一般病棟用の重症度、医療・看護必要度に係る評価票Ⅱ」を用いて評価を行います。</t>
    <phoneticPr fontId="3"/>
  </si>
  <si>
    <t>「急性期一般入院基本料」、「地域一般入院料1」、「専門病院入院基本料」、「特定機能病院入院基本料」、「脳卒中ケアユニット入院医療管理料」、「特定一般病棟入院料（注7以外）」、「看護必要度加算」、「一般病棟看護必要度評価加算」、「急性期看護補助体制加算」、「看護職員夜間配置加算」、「看護補助加算1」の届出を行っている場合における、一般病棟用の重症度、医療・看護必要度の基準を満たす患者の割合</t>
    <phoneticPr fontId="7"/>
  </si>
  <si>
    <t>A得点1点以上の患者割合</t>
    <phoneticPr fontId="7"/>
  </si>
  <si>
    <t>A得点2点以上の患者割合</t>
    <phoneticPr fontId="7"/>
  </si>
  <si>
    <t>A得点2点以上かつB得点3点以上の患者割合</t>
    <phoneticPr fontId="7"/>
  </si>
  <si>
    <t>A得点3点以上の患者割合</t>
    <phoneticPr fontId="7"/>
  </si>
  <si>
    <t>C得点1点以上の患者割合</t>
    <phoneticPr fontId="7"/>
  </si>
  <si>
    <t>「B14」又は「B15」に該当する患者であって、Ａ得点1点以上かつB得点3点以上の患者割合</t>
    <phoneticPr fontId="3"/>
  </si>
  <si>
    <t>「Ａ得点2点以上かつＢ得点3点以上」または「Ａ得点3点以上」または「Ｃ得点1点以上」または「「B14」又は「B15」に該当する患者であって、Ａ得点1点以上かつB得点3点以上」の患者割合</t>
    <phoneticPr fontId="7"/>
  </si>
  <si>
    <t>「地域包括ケア病棟入院料」、「地域包括ケア入院医療管理料」、「特定一般病棟入院料の注7」の届出を行っている場合における、一般病棟用の重症度、医療・看護必要度の基準を満たす患者の割合</t>
    <phoneticPr fontId="7"/>
  </si>
  <si>
    <t>体制強化加算1又は2（回復期リハビリテーション病棟入院料）の届出の有無</t>
    <phoneticPr fontId="7"/>
  </si>
  <si>
    <t>平均リハビリテーション単位数（1患者1日当たり）</t>
    <phoneticPr fontId="7"/>
  </si>
  <si>
    <t xml:space="preserve">平均リハビリテーション単位数は、上記の患者に対し行ったリハビリテーションの平均的な量を示す値です。20分実施した場合を1単位とみなします。
</t>
    <phoneticPr fontId="0"/>
  </si>
  <si>
    <t>過去1年間の総退院患者数</t>
    <phoneticPr fontId="7"/>
  </si>
  <si>
    <t xml:space="preserve">過去1年間の総退院患者数等は、令和元年7月1日～令和2年6月30日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うち退院時の日常生活機能評価が、入院時に比較して3点以上（※）改善していた患者数
※回復期リハビリテーション病棟入院料1又は2の場合は4点以上</t>
    <phoneticPr fontId="7"/>
  </si>
  <si>
    <t>うち、FIM総得点で12点以上（回復期リハビリテーション病棟入院料1又は2の場合には16点以上）改善していた患者数</t>
    <phoneticPr fontId="7"/>
  </si>
  <si>
    <t>回復期リハビリテーション病棟を退棟した回復期リハビリテーションを要する状態の患者数【令和2年1月1日～6月30日の6か月間】</t>
    <phoneticPr fontId="7"/>
  </si>
  <si>
    <t xml:space="preserve">回復期リハビリテーション病棟を退棟した回復期リハビリテーションを要する状態の患者数、実績指数等は、令和2年1月から6月までの6か月間に退棟した回復期リハビリテーションを要する状態の患者数と、回復期リハビリテーションの実績指数です。
</t>
    <phoneticPr fontId="3"/>
  </si>
  <si>
    <t>うちリハビリテーション実績指数の計算対象とした患者数【令和2年1月1日～6月30日の6か月間】</t>
    <phoneticPr fontId="7"/>
  </si>
  <si>
    <t>リハビリテーション実績指数【令和2年1月1日～6月30日の6か月間】</t>
    <phoneticPr fontId="7"/>
  </si>
  <si>
    <t>東部島根医療福祉センター</t>
    <phoneticPr fontId="3"/>
  </si>
  <si>
    <t>〒690-0864 松江市東生馬町１５－１</t>
    <phoneticPr fontId="3"/>
  </si>
  <si>
    <t>1997</t>
  </si>
  <si>
    <t>3</t>
  </si>
  <si>
    <t>〇</t>
  </si>
  <si>
    <t>社会福祉法人</t>
  </si>
  <si>
    <t>複数の診療科で活用</t>
  </si>
  <si>
    <t>整形外科</t>
  </si>
  <si>
    <t>内科</t>
  </si>
  <si>
    <t>小児科</t>
  </si>
  <si>
    <t>障害者施設等10対１入院基本料</t>
  </si>
  <si>
    <t>ＤＰＣ病院ではない</t>
  </si>
  <si>
    <t>無</t>
  </si>
  <si>
    <t>届出無し</t>
  </si>
  <si>
    <t>-</t>
    <phoneticPr fontId="3"/>
  </si>
  <si>
    <t>１病棟</t>
  </si>
  <si>
    <t>慢性期機能</t>
  </si>
  <si>
    <t>療養病棟入院料２</t>
  </si>
  <si>
    <t>２病棟</t>
  </si>
  <si>
    <t>診療時間やアクセス方法等の情報はこちら</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0&quot;月&quot;"/>
    <numFmt numFmtId="183" formatCode="0.0\%"/>
    <numFmt numFmtId="184" formatCode="#,##0.0&quot;単位&quot;"/>
    <numFmt numFmtId="185" formatCode="#,##0.0&quot;点&quot;"/>
    <numFmt numFmtId="186" formatCode="0&quot;年&quot;"/>
  </numFmts>
  <fonts count="32"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u/>
      <sz val="11"/>
      <color theme="10"/>
      <name val="ＭＳ Ｐゴシック"/>
      <family val="3"/>
      <charset val="128"/>
      <scheme val="minor"/>
    </font>
    <font>
      <b/>
      <sz val="16"/>
      <color theme="1"/>
      <name val="ＤＦ特太ゴシック体"/>
      <family val="3"/>
      <charset val="128"/>
    </font>
    <font>
      <sz val="11"/>
      <color theme="0"/>
      <name val="ＭＳ Ｐゴシック"/>
      <family val="3"/>
      <charset val="128"/>
      <scheme val="minor"/>
    </font>
    <font>
      <b/>
      <sz val="14"/>
      <name val="ＭＳ Ｐゴシック"/>
      <family val="3"/>
      <charset val="128"/>
      <scheme val="minor"/>
    </font>
    <font>
      <u/>
      <sz val="11"/>
      <color theme="1"/>
      <name val="ＭＳ Ｐゴシック"/>
      <family val="3"/>
      <charset val="128"/>
      <scheme val="minor"/>
    </font>
    <font>
      <sz val="11"/>
      <color rgb="FF00B050"/>
      <name val="ＭＳ Ｐゴシック"/>
      <family val="3"/>
      <charset val="128"/>
      <scheme val="minor"/>
    </font>
    <font>
      <b/>
      <sz val="13"/>
      <color rgb="FF00B050"/>
      <name val="ＭＳ Ｐゴシック"/>
      <family val="3"/>
      <charset val="128"/>
      <scheme val="minor"/>
    </font>
    <font>
      <sz val="11"/>
      <color theme="0" tint="-0.34998626667073579"/>
      <name val="ＭＳ Ｐゴシック"/>
      <family val="3"/>
      <charset val="128"/>
      <scheme val="minor"/>
    </font>
    <font>
      <sz val="10"/>
      <color rgb="FFFF0000"/>
      <name val="ＭＳ Ｐゴシック"/>
      <family val="3"/>
      <charset val="128"/>
      <scheme val="minor"/>
    </font>
    <font>
      <sz val="9"/>
      <name val="ＭＳ Ｐゴシック"/>
      <family val="3"/>
      <charset val="128"/>
      <scheme val="minor"/>
    </font>
    <font>
      <u/>
      <sz val="11"/>
      <color rgb="FF0066FF"/>
      <name val="ＭＳ Ｐゴシック"/>
      <family val="3"/>
      <charset val="128"/>
      <scheme val="minor"/>
    </font>
    <font>
      <b/>
      <sz val="16"/>
      <name val="ＭＳ Ｐゴシック"/>
      <family val="3"/>
      <charset val="128"/>
      <scheme val="minor"/>
    </font>
    <font>
      <b/>
      <sz val="12"/>
      <color rgb="FFFF00FF"/>
      <name val="ＭＳ Ｐゴシック"/>
      <family val="3"/>
      <charset val="128"/>
      <scheme val="minor"/>
    </font>
    <font>
      <b/>
      <sz val="12"/>
      <name val="ＭＳ Ｐゴシック"/>
      <family val="3"/>
      <charset val="128"/>
      <scheme val="minor"/>
    </font>
  </fonts>
  <fills count="9">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249977111117893"/>
        <bgColor indexed="64"/>
      </patternFill>
    </fill>
    <fill>
      <patternFill patternType="solid">
        <fgColor rgb="FFBFBFBF"/>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right/>
      <top/>
      <bottom style="thin">
        <color indexed="64"/>
      </bottom>
      <diagonal/>
    </border>
    <border>
      <left style="thin">
        <color indexed="64"/>
      </left>
      <right/>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4" fillId="0" borderId="0" applyNumberFormat="0" applyFill="0" applyBorder="0" applyAlignment="0" applyProtection="0">
      <alignment vertical="center"/>
    </xf>
    <xf numFmtId="0" fontId="17" fillId="0" borderId="0"/>
  </cellStyleXfs>
  <cellXfs count="375">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NumberFormat="1" applyFont="1" applyFill="1" applyAlignment="1">
      <alignment horizontal="center" vertical="center"/>
    </xf>
    <xf numFmtId="0" fontId="1" fillId="2" borderId="0" xfId="1" applyFont="1" applyFill="1" applyAlignment="1">
      <alignment horizontal="right" vertical="center"/>
    </xf>
    <xf numFmtId="0" fontId="2" fillId="2" borderId="0" xfId="1" applyFont="1" applyFill="1">
      <alignment vertical="center"/>
    </xf>
    <xf numFmtId="49" fontId="5" fillId="2" borderId="0" xfId="1" applyNumberFormat="1" applyFont="1" applyFill="1" applyBorder="1" applyAlignment="1">
      <alignment horizontal="left" vertical="center"/>
    </xf>
    <xf numFmtId="0" fontId="5" fillId="2" borderId="0" xfId="1" applyFont="1" applyFill="1" applyBorder="1" applyAlignment="1">
      <alignment horizontal="left" vertical="center"/>
    </xf>
    <xf numFmtId="0" fontId="8" fillId="2" borderId="0" xfId="1" applyFont="1" applyFill="1" applyAlignment="1">
      <alignment vertical="center"/>
    </xf>
    <xf numFmtId="0" fontId="9" fillId="2" borderId="0" xfId="1" applyFont="1" applyFill="1" applyAlignment="1">
      <alignment horizontal="left" vertical="center"/>
    </xf>
    <xf numFmtId="0" fontId="2" fillId="2" borderId="0" xfId="1" applyFont="1" applyFill="1" applyBorder="1" applyAlignment="1">
      <alignment horizontal="left" vertical="center"/>
    </xf>
    <xf numFmtId="0" fontId="6" fillId="2" borderId="0" xfId="1" applyFont="1" applyFill="1" applyBorder="1" applyAlignment="1">
      <alignment vertical="center"/>
    </xf>
    <xf numFmtId="0" fontId="5" fillId="2" borderId="0" xfId="1" applyFont="1" applyFill="1" applyAlignment="1">
      <alignment vertical="center"/>
    </xf>
    <xf numFmtId="0" fontId="5"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11" fillId="2" borderId="0" xfId="1" applyFont="1" applyFill="1" applyBorder="1" applyAlignment="1">
      <alignment horizontal="left" vertical="center"/>
    </xf>
    <xf numFmtId="49" fontId="10" fillId="2" borderId="1" xfId="1" applyNumberFormat="1" applyFont="1" applyFill="1" applyBorder="1" applyAlignment="1">
      <alignment horizontal="center" vertical="center" wrapText="1"/>
    </xf>
    <xf numFmtId="49" fontId="10" fillId="0" borderId="1" xfId="1" applyNumberFormat="1" applyFont="1" applyFill="1" applyBorder="1" applyAlignment="1">
      <alignment horizontal="center" vertical="center" wrapText="1"/>
    </xf>
    <xf numFmtId="49" fontId="12" fillId="0" borderId="1" xfId="1" applyNumberFormat="1" applyFont="1" applyFill="1" applyBorder="1" applyAlignment="1">
      <alignment horizontal="center" vertical="center" wrapText="1"/>
    </xf>
    <xf numFmtId="0" fontId="12" fillId="0" borderId="0" xfId="1" applyFont="1" applyFill="1" applyBorder="1" applyAlignment="1">
      <alignment horizontal="center" vertical="center"/>
    </xf>
    <xf numFmtId="0" fontId="1" fillId="2" borderId="0" xfId="1" applyNumberFormat="1" applyFont="1" applyFill="1" applyBorder="1" applyAlignment="1">
      <alignment horizontal="center" vertical="center"/>
    </xf>
    <xf numFmtId="0" fontId="2" fillId="0" borderId="0" xfId="1" applyFont="1" applyFill="1" applyAlignment="1">
      <alignment horizontal="left" vertical="center" wrapText="1"/>
    </xf>
    <xf numFmtId="0" fontId="12" fillId="2" borderId="0" xfId="1" applyFont="1" applyFill="1" applyBorder="1" applyAlignment="1">
      <alignment horizontal="center" vertical="center"/>
    </xf>
    <xf numFmtId="0" fontId="6" fillId="2" borderId="0" xfId="1" applyFont="1" applyFill="1" applyAlignment="1">
      <alignment vertical="center"/>
    </xf>
    <xf numFmtId="0" fontId="13" fillId="2" borderId="0" xfId="1" applyFont="1" applyFill="1" applyBorder="1">
      <alignment vertical="center"/>
    </xf>
    <xf numFmtId="0" fontId="15" fillId="2" borderId="0" xfId="1" applyFont="1" applyFill="1" applyAlignment="1">
      <alignment vertical="center"/>
    </xf>
    <xf numFmtId="0" fontId="16"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16" fillId="2" borderId="0" xfId="1" applyFont="1" applyFill="1" applyAlignment="1">
      <alignment vertical="center" wrapText="1"/>
    </xf>
    <xf numFmtId="0" fontId="6" fillId="2" borderId="0" xfId="3" applyNumberFormat="1" applyFont="1" applyFill="1" applyBorder="1" applyAlignment="1">
      <alignment vertical="center"/>
    </xf>
    <xf numFmtId="0" fontId="6" fillId="0" borderId="0" xfId="0" applyFont="1" applyBorder="1" applyAlignment="1">
      <alignment vertical="center"/>
    </xf>
    <xf numFmtId="0" fontId="6" fillId="2" borderId="0" xfId="1" applyFont="1" applyFill="1" applyBorder="1" applyAlignment="1">
      <alignment horizontal="left" vertical="center"/>
    </xf>
    <xf numFmtId="0" fontId="6" fillId="0" borderId="0" xfId="0" applyNumberFormat="1" applyFont="1" applyBorder="1" applyAlignment="1">
      <alignment horizontal="center" vertical="center"/>
    </xf>
    <xf numFmtId="0" fontId="6" fillId="2" borderId="0" xfId="1" applyFont="1" applyFill="1" applyBorder="1" applyAlignment="1">
      <alignment horizontal="left" vertical="center" wrapText="1"/>
    </xf>
    <xf numFmtId="0" fontId="14" fillId="2" borderId="0" xfId="2" applyFill="1">
      <alignment vertical="center"/>
    </xf>
    <xf numFmtId="0" fontId="18" fillId="2" borderId="0" xfId="2" applyFont="1" applyFill="1">
      <alignment vertical="center"/>
    </xf>
    <xf numFmtId="0" fontId="15" fillId="2" borderId="0" xfId="1" applyFont="1" applyFill="1" applyAlignment="1">
      <alignment horizontal="left" vertical="center"/>
    </xf>
    <xf numFmtId="0" fontId="4" fillId="2" borderId="0" xfId="1" applyNumberFormat="1" applyFont="1" applyFill="1" applyAlignment="1">
      <alignment horizontal="center" vertical="center" wrapText="1"/>
    </xf>
    <xf numFmtId="0" fontId="14" fillId="2" borderId="0" xfId="2" applyFill="1" applyAlignment="1">
      <alignment vertical="center"/>
    </xf>
    <xf numFmtId="0" fontId="15" fillId="2" borderId="0" xfId="1" applyNumberFormat="1" applyFont="1" applyFill="1" applyAlignment="1">
      <alignment horizontal="center" vertical="center"/>
    </xf>
    <xf numFmtId="0" fontId="19"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1" fillId="2" borderId="6" xfId="1" applyFont="1" applyFill="1" applyBorder="1" applyAlignment="1">
      <alignment horizontal="right" vertical="center"/>
    </xf>
    <xf numFmtId="0" fontId="1" fillId="2" borderId="0" xfId="1" applyFont="1" applyFill="1" applyBorder="1" applyAlignment="1">
      <alignment horizontal="right" vertical="center"/>
    </xf>
    <xf numFmtId="0" fontId="4" fillId="2" borderId="0" xfId="1" applyFont="1" applyFill="1" applyBorder="1" applyAlignment="1">
      <alignment vertical="center" wrapText="1"/>
    </xf>
    <xf numFmtId="0" fontId="1" fillId="2" borderId="0" xfId="1" applyFont="1" applyFill="1" applyBorder="1" applyAlignment="1">
      <alignment vertical="center"/>
    </xf>
    <xf numFmtId="0" fontId="1" fillId="3" borderId="7" xfId="1" applyFont="1" applyFill="1" applyBorder="1" applyAlignment="1">
      <alignment horizontal="center" vertical="center" wrapText="1"/>
    </xf>
    <xf numFmtId="0" fontId="1" fillId="3" borderId="8" xfId="1" applyFont="1" applyFill="1" applyBorder="1" applyAlignment="1">
      <alignment vertical="center"/>
    </xf>
    <xf numFmtId="49" fontId="1" fillId="3" borderId="1" xfId="1" applyNumberFormat="1" applyFont="1" applyFill="1" applyBorder="1" applyAlignment="1">
      <alignment horizontal="center" vertical="center" wrapText="1"/>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vertical="center"/>
    </xf>
    <xf numFmtId="0" fontId="1" fillId="3" borderId="5" xfId="1" applyNumberFormat="1" applyFont="1" applyFill="1" applyBorder="1" applyAlignment="1">
      <alignment horizontal="center" vertical="center" wrapText="1"/>
    </xf>
    <xf numFmtId="0" fontId="1" fillId="2" borderId="10" xfId="1" applyFont="1" applyFill="1" applyBorder="1" applyAlignment="1">
      <alignment horizontal="center" vertical="center" shrinkToFit="1"/>
    </xf>
    <xf numFmtId="0" fontId="1" fillId="6" borderId="3" xfId="1" applyFont="1" applyFill="1" applyBorder="1" applyAlignment="1">
      <alignment horizontal="center" vertical="center"/>
    </xf>
    <xf numFmtId="0" fontId="19" fillId="2" borderId="0" xfId="1" applyFont="1" applyFill="1" applyBorder="1" applyAlignment="1">
      <alignment vertical="center"/>
    </xf>
    <xf numFmtId="0" fontId="20"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8" xfId="1" applyNumberFormat="1" applyFont="1" applyFill="1" applyBorder="1" applyAlignment="1">
      <alignment horizontal="center" vertical="center"/>
    </xf>
    <xf numFmtId="0" fontId="1" fillId="3" borderId="10" xfId="1" applyNumberFormat="1" applyFont="1" applyFill="1" applyBorder="1" applyAlignment="1">
      <alignment horizontal="center" vertical="center" wrapText="1"/>
    </xf>
    <xf numFmtId="0" fontId="1" fillId="2" borderId="4" xfId="1" applyNumberFormat="1" applyFont="1" applyFill="1" applyBorder="1" applyAlignment="1">
      <alignment horizontal="center" vertical="center" shrinkToFit="1"/>
    </xf>
    <xf numFmtId="176" fontId="1" fillId="2" borderId="1" xfId="1" applyNumberFormat="1" applyFont="1" applyFill="1" applyBorder="1" applyAlignment="1">
      <alignment horizontal="right" vertical="center" shrinkToFit="1"/>
    </xf>
    <xf numFmtId="0" fontId="4" fillId="2" borderId="0" xfId="1" applyFont="1" applyFill="1">
      <alignment vertical="center"/>
    </xf>
    <xf numFmtId="0" fontId="2" fillId="2" borderId="0" xfId="1" applyFont="1" applyFill="1" applyBorder="1" applyAlignment="1">
      <alignment vertical="center" wrapText="1"/>
    </xf>
    <xf numFmtId="176" fontId="1" fillId="7" borderId="2" xfId="1" applyNumberFormat="1" applyFont="1" applyFill="1" applyBorder="1" applyAlignment="1">
      <alignment horizontal="right" vertical="center" shrinkToFit="1"/>
    </xf>
    <xf numFmtId="0" fontId="1" fillId="7" borderId="4" xfId="1" applyNumberFormat="1" applyFont="1" applyFill="1" applyBorder="1" applyAlignment="1">
      <alignment horizontal="center" vertical="center" shrinkToFit="1"/>
    </xf>
    <xf numFmtId="0" fontId="1" fillId="2" borderId="0" xfId="1" applyFont="1" applyFill="1" applyBorder="1" applyAlignment="1">
      <alignment horizontal="right" vertical="center" shrinkToFit="1"/>
    </xf>
    <xf numFmtId="0" fontId="1" fillId="2" borderId="0" xfId="1" applyNumberFormat="1" applyFont="1" applyFill="1" applyBorder="1" applyAlignment="1">
      <alignment horizontal="center"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4" fillId="2" borderId="0" xfId="1" applyFont="1" applyFill="1" applyBorder="1" applyAlignment="1">
      <alignment horizontal="left" vertical="center" wrapText="1"/>
    </xf>
    <xf numFmtId="0" fontId="1" fillId="3" borderId="12" xfId="1" applyFont="1" applyFill="1" applyBorder="1" applyAlignment="1">
      <alignment horizontal="center" vertical="center"/>
    </xf>
    <xf numFmtId="0" fontId="1" fillId="3" borderId="9" xfId="1" applyFont="1" applyFill="1" applyBorder="1" applyAlignment="1">
      <alignment horizontal="right" vertical="center"/>
    </xf>
    <xf numFmtId="0" fontId="1" fillId="7" borderId="12" xfId="1" applyFont="1" applyFill="1" applyBorder="1" applyAlignment="1">
      <alignment horizontal="right" vertical="center" shrinkToFit="1"/>
    </xf>
    <xf numFmtId="0" fontId="1" fillId="7" borderId="8" xfId="1" applyNumberFormat="1" applyFont="1" applyFill="1" applyBorder="1" applyAlignment="1">
      <alignment horizontal="center" vertical="center" shrinkToFit="1"/>
    </xf>
    <xf numFmtId="0" fontId="1" fillId="2" borderId="1" xfId="1" applyNumberFormat="1" applyFont="1" applyFill="1" applyBorder="1" applyAlignment="1">
      <alignment horizontal="center" vertical="center" wrapText="1"/>
    </xf>
    <xf numFmtId="0" fontId="1" fillId="6" borderId="7" xfId="1" applyFont="1" applyFill="1" applyBorder="1" applyAlignment="1">
      <alignment horizontal="right" vertical="center" shrinkToFit="1"/>
    </xf>
    <xf numFmtId="0" fontId="1" fillId="7" borderId="14" xfId="1" applyNumberFormat="1" applyFont="1" applyFill="1" applyBorder="1" applyAlignment="1">
      <alignment horizontal="center" vertical="center" shrinkToFit="1"/>
    </xf>
    <xf numFmtId="0" fontId="1" fillId="6" borderId="9" xfId="1" applyFont="1" applyFill="1" applyBorder="1" applyAlignment="1">
      <alignment horizontal="right" vertical="center" shrinkToFit="1"/>
    </xf>
    <xf numFmtId="0" fontId="1" fillId="7" borderId="10" xfId="1" applyNumberFormat="1" applyFont="1" applyFill="1" applyBorder="1" applyAlignment="1">
      <alignment horizontal="center" vertical="center" shrinkToFit="1"/>
    </xf>
    <xf numFmtId="0" fontId="5" fillId="2" borderId="0" xfId="1" applyFont="1" applyFill="1" applyBorder="1" applyAlignment="1">
      <alignment vertical="center"/>
    </xf>
    <xf numFmtId="0" fontId="1" fillId="2" borderId="0" xfId="1" applyFont="1" applyFill="1" applyBorder="1" applyAlignment="1">
      <alignment horizontal="center" vertical="center"/>
    </xf>
    <xf numFmtId="0" fontId="1" fillId="6" borderId="12" xfId="1" applyFont="1" applyFill="1" applyBorder="1" applyAlignment="1">
      <alignment horizontal="right" vertical="center" shrinkToFit="1"/>
    </xf>
    <xf numFmtId="0" fontId="4" fillId="4" borderId="7" xfId="1" applyFont="1" applyFill="1" applyBorder="1" applyAlignment="1">
      <alignment horizontal="left" vertical="center"/>
    </xf>
    <xf numFmtId="0" fontId="4" fillId="4" borderId="0" xfId="1" applyFont="1" applyFill="1" applyBorder="1" applyAlignment="1">
      <alignment horizontal="left" vertical="center"/>
    </xf>
    <xf numFmtId="0" fontId="4" fillId="4" borderId="9" xfId="1" applyFont="1" applyFill="1" applyBorder="1" applyAlignment="1">
      <alignment horizontal="left" vertical="center"/>
    </xf>
    <xf numFmtId="0" fontId="4" fillId="4" borderId="6" xfId="1" applyFont="1" applyFill="1" applyBorder="1" applyAlignment="1">
      <alignment horizontal="left" vertical="center"/>
    </xf>
    <xf numFmtId="0" fontId="2" fillId="2" borderId="0" xfId="1" applyFont="1" applyFill="1" applyBorder="1" applyAlignment="1">
      <alignment horizontal="center" vertical="center"/>
    </xf>
    <xf numFmtId="177" fontId="1" fillId="2" borderId="2" xfId="1" applyNumberFormat="1" applyFont="1" applyFill="1" applyBorder="1" applyAlignment="1">
      <alignment horizontal="right" vertical="center" shrinkToFit="1"/>
    </xf>
    <xf numFmtId="177" fontId="1" fillId="2" borderId="1" xfId="1" applyNumberFormat="1" applyFont="1" applyFill="1" applyBorder="1" applyAlignment="1">
      <alignment horizontal="right" vertical="center" shrinkToFit="1"/>
    </xf>
    <xf numFmtId="0" fontId="2" fillId="2" borderId="0" xfId="1" applyFont="1" applyFill="1" applyAlignment="1">
      <alignment horizontal="center" vertical="center"/>
    </xf>
    <xf numFmtId="0" fontId="2" fillId="2" borderId="0" xfId="1" applyFont="1" applyFill="1" applyBorder="1" applyAlignment="1">
      <alignment vertical="center"/>
    </xf>
    <xf numFmtId="0" fontId="1" fillId="2" borderId="0" xfId="1" applyFont="1" applyFill="1" applyBorder="1" applyAlignment="1">
      <alignment vertical="center" wrapText="1"/>
    </xf>
    <xf numFmtId="0" fontId="4" fillId="5" borderId="2" xfId="1" applyFont="1" applyFill="1" applyBorder="1" applyAlignment="1">
      <alignment horizontal="left" vertical="top" wrapText="1"/>
    </xf>
    <xf numFmtId="0" fontId="1" fillId="2" borderId="2" xfId="1" applyNumberFormat="1" applyFont="1" applyFill="1" applyBorder="1" applyAlignment="1">
      <alignment horizontal="center" vertical="center" shrinkToFit="1"/>
    </xf>
    <xf numFmtId="0" fontId="1" fillId="6" borderId="3" xfId="1" applyFont="1" applyFill="1" applyBorder="1" applyAlignment="1">
      <alignment horizontal="right" vertical="center" shrinkToFit="1"/>
    </xf>
    <xf numFmtId="0" fontId="1" fillId="2" borderId="0" xfId="1" applyNumberFormat="1" applyFont="1" applyFill="1" applyBorder="1" applyAlignment="1">
      <alignment horizontal="right" vertical="center"/>
    </xf>
    <xf numFmtId="0" fontId="1" fillId="6" borderId="13" xfId="1" applyFont="1" applyFill="1" applyBorder="1" applyAlignment="1">
      <alignment horizontal="right" vertical="center" shrinkToFit="1"/>
    </xf>
    <xf numFmtId="0" fontId="1" fillId="6" borderId="0" xfId="1" applyFont="1" applyFill="1" applyBorder="1" applyAlignment="1">
      <alignment horizontal="right" vertical="center" shrinkToFit="1"/>
    </xf>
    <xf numFmtId="0" fontId="1" fillId="6" borderId="6" xfId="1" applyFont="1" applyFill="1" applyBorder="1" applyAlignment="1">
      <alignment horizontal="right" vertical="center" shrinkToFit="1"/>
    </xf>
    <xf numFmtId="0" fontId="4" fillId="5" borderId="1" xfId="1" applyFont="1" applyFill="1" applyBorder="1" applyAlignment="1">
      <alignment horizontal="left" vertical="top" wrapText="1"/>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 fillId="3" borderId="15" xfId="1" applyNumberFormat="1" applyFont="1" applyFill="1" applyBorder="1" applyAlignment="1">
      <alignment horizontal="center" vertical="center" wrapText="1"/>
    </xf>
    <xf numFmtId="0" fontId="10" fillId="5" borderId="2" xfId="1" applyFont="1" applyFill="1" applyBorder="1" applyAlignment="1">
      <alignment horizontal="left" vertical="top" wrapText="1"/>
    </xf>
    <xf numFmtId="0" fontId="1" fillId="2" borderId="0" xfId="1" applyFont="1" applyFill="1" applyAlignment="1">
      <alignment horizontal="center" vertical="center"/>
    </xf>
    <xf numFmtId="179" fontId="1" fillId="2" borderId="2"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80" fontId="1" fillId="6" borderId="0" xfId="1" applyNumberFormat="1" applyFont="1" applyFill="1" applyBorder="1" applyAlignment="1">
      <alignment horizontal="right" vertical="center" shrinkToFit="1"/>
    </xf>
    <xf numFmtId="179" fontId="1" fillId="2" borderId="1" xfId="1" applyNumberFormat="1" applyFont="1" applyFill="1" applyBorder="1" applyAlignment="1">
      <alignment horizontal="right" vertical="center" shrinkToFit="1"/>
    </xf>
    <xf numFmtId="180" fontId="1" fillId="2" borderId="1" xfId="1" applyNumberFormat="1" applyFont="1" applyFill="1" applyBorder="1" applyAlignment="1">
      <alignment horizontal="right" vertical="center" shrinkToFit="1"/>
    </xf>
    <xf numFmtId="0" fontId="12" fillId="2" borderId="0" xfId="1" applyFont="1" applyFill="1" applyAlignment="1">
      <alignment horizontal="right" vertical="center"/>
    </xf>
    <xf numFmtId="0" fontId="1" fillId="3" borderId="1" xfId="1" applyFont="1" applyFill="1" applyBorder="1" applyAlignment="1">
      <alignment horizontal="center" vertical="center" wrapText="1"/>
    </xf>
    <xf numFmtId="0" fontId="4" fillId="6" borderId="7" xfId="1" applyFont="1" applyFill="1" applyBorder="1" applyAlignment="1">
      <alignment vertical="center"/>
    </xf>
    <xf numFmtId="179" fontId="1" fillId="7" borderId="14" xfId="1" applyNumberFormat="1" applyFont="1" applyFill="1" applyBorder="1" applyAlignment="1">
      <alignment horizontal="center" vertical="center" shrinkToFit="1"/>
    </xf>
    <xf numFmtId="180" fontId="1" fillId="7" borderId="14" xfId="1" applyNumberFormat="1" applyFont="1" applyFill="1" applyBorder="1" applyAlignment="1">
      <alignment horizontal="center" vertical="center" shrinkToFit="1"/>
    </xf>
    <xf numFmtId="179" fontId="1" fillId="6" borderId="14" xfId="1" applyNumberFormat="1" applyFont="1" applyFill="1" applyBorder="1" applyAlignment="1">
      <alignment horizontal="center" vertical="center" shrinkToFit="1"/>
    </xf>
    <xf numFmtId="0" fontId="4" fillId="6" borderId="9" xfId="1" applyFont="1" applyFill="1" applyBorder="1" applyAlignment="1">
      <alignment vertical="center"/>
    </xf>
    <xf numFmtId="180" fontId="1" fillId="6" borderId="10" xfId="1" applyNumberFormat="1" applyFont="1" applyFill="1" applyBorder="1" applyAlignment="1">
      <alignment horizontal="center" vertical="center" shrinkToFit="1"/>
    </xf>
    <xf numFmtId="0" fontId="1" fillId="6" borderId="13" xfId="1" applyFont="1" applyFill="1" applyBorder="1" applyAlignment="1">
      <alignment horizontal="center" vertical="center" shrinkToFit="1"/>
    </xf>
    <xf numFmtId="0" fontId="2" fillId="2" borderId="0" xfId="1" applyFont="1" applyFill="1" applyBorder="1" applyAlignment="1">
      <alignment vertical="center" shrinkToFit="1"/>
    </xf>
    <xf numFmtId="0" fontId="1" fillId="6" borderId="0" xfId="1" applyFont="1" applyFill="1" applyBorder="1" applyAlignment="1">
      <alignment horizontal="center" vertical="center" shrinkToFit="1"/>
    </xf>
    <xf numFmtId="0" fontId="1" fillId="6" borderId="6" xfId="1" applyFont="1" applyFill="1" applyBorder="1" applyAlignment="1">
      <alignment horizontal="center" vertical="center" shrinkToFit="1"/>
    </xf>
    <xf numFmtId="0" fontId="4" fillId="2" borderId="0" xfId="1" applyFont="1" applyFill="1" applyBorder="1" applyAlignment="1">
      <alignment horizontal="center" vertical="center" wrapText="1"/>
    </xf>
    <xf numFmtId="0" fontId="14" fillId="0" borderId="0" xfId="2" applyAlignment="1">
      <alignment horizontal="right" vertical="center"/>
    </xf>
    <xf numFmtId="0" fontId="21" fillId="2" borderId="0" xfId="0" applyFont="1" applyFill="1" applyBorder="1">
      <alignment vertical="center"/>
    </xf>
    <xf numFmtId="0" fontId="0" fillId="2" borderId="0" xfId="0" applyFill="1" applyBorder="1">
      <alignment vertical="center"/>
    </xf>
    <xf numFmtId="0" fontId="1" fillId="3" borderId="7" xfId="1" applyFont="1" applyFill="1" applyBorder="1" applyAlignment="1">
      <alignment horizontal="right" vertical="center" wrapText="1"/>
    </xf>
    <xf numFmtId="177" fontId="1" fillId="7" borderId="12" xfId="1" applyNumberFormat="1" applyFont="1" applyFill="1" applyBorder="1" applyAlignment="1">
      <alignment vertical="center"/>
    </xf>
    <xf numFmtId="0" fontId="2" fillId="2" borderId="0" xfId="1" applyFont="1" applyFill="1" applyAlignment="1">
      <alignment vertical="center" shrinkToFit="1"/>
    </xf>
    <xf numFmtId="177" fontId="1" fillId="7" borderId="7" xfId="1" applyNumberFormat="1" applyFont="1" applyFill="1" applyBorder="1" applyAlignment="1">
      <alignment vertical="center"/>
    </xf>
    <xf numFmtId="182" fontId="12" fillId="2" borderId="15" xfId="1" applyNumberFormat="1" applyFont="1" applyFill="1" applyBorder="1" applyAlignment="1">
      <alignment horizontal="center" vertical="center" shrinkToFit="1"/>
    </xf>
    <xf numFmtId="179" fontId="12" fillId="2" borderId="15" xfId="1" applyNumberFormat="1" applyFont="1" applyFill="1" applyBorder="1" applyAlignment="1">
      <alignment horizontal="center" vertical="center" shrinkToFit="1"/>
    </xf>
    <xf numFmtId="177" fontId="1" fillId="7" borderId="9" xfId="1" applyNumberFormat="1" applyFont="1" applyFill="1" applyBorder="1" applyAlignment="1">
      <alignment vertical="center"/>
    </xf>
    <xf numFmtId="182" fontId="12" fillId="2" borderId="5" xfId="1" applyNumberFormat="1" applyFont="1" applyFill="1" applyBorder="1" applyAlignment="1">
      <alignment horizontal="center" vertical="center" shrinkToFit="1"/>
    </xf>
    <xf numFmtId="0" fontId="19" fillId="2" borderId="6" xfId="0" applyFont="1" applyFill="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center" vertical="center"/>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1" fillId="3" borderId="8" xfId="1" applyFont="1" applyFill="1" applyBorder="1" applyAlignment="1">
      <alignment horizontal="center" vertical="center" wrapText="1"/>
    </xf>
    <xf numFmtId="0" fontId="1" fillId="3" borderId="10" xfId="1" applyFont="1" applyFill="1" applyBorder="1" applyAlignment="1">
      <alignment horizontal="center" vertical="center" wrapText="1"/>
    </xf>
    <xf numFmtId="179" fontId="1" fillId="2" borderId="4" xfId="1" applyNumberFormat="1" applyFont="1" applyFill="1" applyBorder="1" applyAlignment="1">
      <alignment horizontal="center" vertical="center" shrinkToFit="1"/>
    </xf>
    <xf numFmtId="0" fontId="4" fillId="4" borderId="7"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179" fontId="1" fillId="2" borderId="9" xfId="1" applyNumberFormat="1" applyFont="1" applyFill="1" applyBorder="1" applyAlignment="1">
      <alignment horizontal="right" vertical="center" shrinkToFit="1"/>
    </xf>
    <xf numFmtId="179" fontId="1" fillId="2" borderId="10" xfId="1" applyNumberFormat="1" applyFont="1" applyFill="1" applyBorder="1" applyAlignment="1">
      <alignment horizontal="center" vertical="center" shrinkToFit="1"/>
    </xf>
    <xf numFmtId="0" fontId="4" fillId="2" borderId="0" xfId="0" applyFont="1" applyFill="1" applyBorder="1" applyAlignment="1">
      <alignment vertical="center"/>
    </xf>
    <xf numFmtId="0" fontId="10"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0" fontId="22" fillId="2" borderId="0" xfId="1" applyFont="1" applyFill="1" applyAlignment="1">
      <alignment vertical="center"/>
    </xf>
    <xf numFmtId="0" fontId="0" fillId="2" borderId="6" xfId="0" applyFill="1" applyBorder="1">
      <alignment vertical="center"/>
    </xf>
    <xf numFmtId="177" fontId="1" fillId="2" borderId="4" xfId="1" applyNumberFormat="1" applyFont="1" applyFill="1" applyBorder="1" applyAlignment="1">
      <alignment horizontal="center" vertical="center" shrinkToFit="1"/>
    </xf>
    <xf numFmtId="0" fontId="2" fillId="2" borderId="0" xfId="1" applyFont="1" applyFill="1" applyBorder="1" applyAlignment="1">
      <alignment vertical="center" wrapText="1" shrinkToFit="1"/>
    </xf>
    <xf numFmtId="0" fontId="1" fillId="6" borderId="7" xfId="1" applyFont="1" applyFill="1" applyBorder="1" applyAlignment="1">
      <alignment horizontal="right" vertical="center"/>
    </xf>
    <xf numFmtId="0" fontId="1" fillId="6" borderId="0" xfId="1" applyNumberFormat="1" applyFont="1" applyFill="1" applyBorder="1" applyAlignment="1">
      <alignment horizontal="center" vertical="center" shrinkToFit="1"/>
    </xf>
    <xf numFmtId="0" fontId="4" fillId="4" borderId="7" xfId="1" applyFont="1" applyFill="1" applyBorder="1" applyAlignment="1">
      <alignment vertical="center" wrapText="1"/>
    </xf>
    <xf numFmtId="0" fontId="1" fillId="6" borderId="14" xfId="1" applyNumberFormat="1" applyFont="1" applyFill="1" applyBorder="1" applyAlignment="1">
      <alignment horizontal="center" vertical="center" shrinkToFit="1"/>
    </xf>
    <xf numFmtId="183" fontId="1" fillId="2" borderId="1" xfId="1" applyNumberFormat="1" applyFont="1" applyFill="1" applyBorder="1" applyAlignment="1">
      <alignment horizontal="right" vertical="center" shrinkToFit="1"/>
    </xf>
    <xf numFmtId="0" fontId="4" fillId="4" borderId="9" xfId="1" applyFont="1" applyFill="1" applyBorder="1" applyAlignment="1">
      <alignment vertical="center" wrapText="1"/>
    </xf>
    <xf numFmtId="0" fontId="1" fillId="6" borderId="9" xfId="1" applyFont="1" applyFill="1" applyBorder="1" applyAlignment="1">
      <alignment horizontal="right" vertical="center"/>
    </xf>
    <xf numFmtId="0" fontId="1" fillId="6" borderId="10" xfId="1" applyNumberFormat="1" applyFont="1" applyFill="1" applyBorder="1" applyAlignment="1">
      <alignment horizontal="center" vertical="center" shrinkToFit="1"/>
    </xf>
    <xf numFmtId="0" fontId="1" fillId="6" borderId="12" xfId="1" applyFont="1" applyFill="1" applyBorder="1" applyAlignment="1">
      <alignment horizontal="right" vertical="center"/>
    </xf>
    <xf numFmtId="0" fontId="1" fillId="6" borderId="1" xfId="1" applyFont="1" applyFill="1" applyBorder="1" applyAlignment="1">
      <alignment horizontal="right" vertical="center" shrinkToFit="1"/>
    </xf>
    <xf numFmtId="0" fontId="1" fillId="6" borderId="2" xfId="1" applyFont="1" applyFill="1" applyBorder="1" applyAlignment="1">
      <alignment horizontal="right" vertical="center"/>
    </xf>
    <xf numFmtId="177" fontId="1" fillId="7" borderId="4" xfId="1" applyNumberFormat="1" applyFont="1" applyFill="1" applyBorder="1" applyAlignment="1">
      <alignment horizontal="center" vertical="center" shrinkToFit="1"/>
    </xf>
    <xf numFmtId="183" fontId="1" fillId="2" borderId="1" xfId="1" applyNumberFormat="1" applyFont="1" applyFill="1" applyBorder="1" applyAlignment="1">
      <alignment horizontal="center" vertical="center" wrapText="1"/>
    </xf>
    <xf numFmtId="0" fontId="10" fillId="4" borderId="7" xfId="1" applyFont="1" applyFill="1" applyBorder="1" applyAlignment="1">
      <alignment vertical="center"/>
    </xf>
    <xf numFmtId="0" fontId="10" fillId="4" borderId="0" xfId="1" applyFont="1" applyFill="1" applyBorder="1" applyAlignment="1">
      <alignment vertical="center"/>
    </xf>
    <xf numFmtId="0" fontId="10" fillId="4" borderId="9" xfId="1" applyFont="1" applyFill="1" applyBorder="1" applyAlignment="1">
      <alignment vertical="center"/>
    </xf>
    <xf numFmtId="0" fontId="21" fillId="2" borderId="0" xfId="1" applyFont="1" applyFill="1" applyBorder="1" applyAlignment="1">
      <alignment vertical="center"/>
    </xf>
    <xf numFmtId="0" fontId="23" fillId="2" borderId="4" xfId="1" applyNumberFormat="1" applyFont="1" applyFill="1" applyBorder="1" applyAlignment="1">
      <alignment horizontal="center" vertical="center" shrinkToFit="1"/>
    </xf>
    <xf numFmtId="49" fontId="24" fillId="2" borderId="0" xfId="1" applyNumberFormat="1" applyFont="1" applyFill="1" applyBorder="1" applyAlignment="1">
      <alignment vertical="center"/>
    </xf>
    <xf numFmtId="0" fontId="24" fillId="2" borderId="0" xfId="1" applyFont="1" applyFill="1" applyBorder="1" applyAlignment="1">
      <alignment vertical="center"/>
    </xf>
    <xf numFmtId="0" fontId="25" fillId="2" borderId="0" xfId="1" applyFont="1" applyFill="1" applyAlignment="1">
      <alignment vertical="center"/>
    </xf>
    <xf numFmtId="0" fontId="26" fillId="2" borderId="0" xfId="1" applyFont="1" applyFill="1" applyBorder="1" applyAlignment="1">
      <alignment horizontal="left" vertical="center"/>
    </xf>
    <xf numFmtId="0" fontId="1" fillId="6" borderId="4" xfId="1" applyNumberFormat="1" applyFont="1" applyFill="1" applyBorder="1" applyAlignment="1">
      <alignment horizontal="center" vertical="center" shrinkToFit="1"/>
    </xf>
    <xf numFmtId="0" fontId="4" fillId="0" borderId="0" xfId="1" applyFont="1" applyFill="1" applyBorder="1">
      <alignment vertical="center"/>
    </xf>
    <xf numFmtId="0" fontId="4" fillId="8" borderId="0" xfId="1" applyFont="1" applyFill="1" applyBorder="1">
      <alignment vertical="center"/>
    </xf>
    <xf numFmtId="0" fontId="5" fillId="0" borderId="0" xfId="1" applyFont="1" applyFill="1" applyBorder="1" applyAlignment="1">
      <alignment vertical="center"/>
    </xf>
    <xf numFmtId="0" fontId="16" fillId="0" borderId="0" xfId="1" applyFont="1" applyFill="1" applyBorder="1">
      <alignment vertical="center"/>
    </xf>
    <xf numFmtId="0" fontId="16" fillId="8" borderId="0" xfId="1" applyFont="1" applyFill="1" applyBorder="1">
      <alignment vertical="center"/>
    </xf>
    <xf numFmtId="0" fontId="4" fillId="8" borderId="0" xfId="1" applyFont="1" applyFill="1" applyBorder="1" applyAlignment="1">
      <alignment vertical="center" wrapText="1"/>
    </xf>
    <xf numFmtId="0" fontId="16" fillId="8" borderId="0" xfId="1" applyFont="1" applyFill="1" applyBorder="1" applyAlignment="1">
      <alignment vertical="center" wrapText="1"/>
    </xf>
    <xf numFmtId="0" fontId="10" fillId="8" borderId="0" xfId="1" applyFont="1" applyFill="1" applyBorder="1" applyAlignment="1">
      <alignment vertical="center" wrapText="1"/>
    </xf>
    <xf numFmtId="0" fontId="4" fillId="0" borderId="0" xfId="1" applyFont="1" applyFill="1" applyAlignment="1">
      <alignment horizontal="center" vertical="center"/>
    </xf>
    <xf numFmtId="0" fontId="4" fillId="0" borderId="0" xfId="1" applyFont="1" applyFill="1">
      <alignment vertical="center"/>
    </xf>
    <xf numFmtId="0" fontId="1" fillId="6" borderId="2" xfId="1" applyFont="1" applyFill="1" applyBorder="1" applyAlignment="1">
      <alignment horizontal="center" vertical="center"/>
    </xf>
    <xf numFmtId="176" fontId="12" fillId="2" borderId="2" xfId="1" applyNumberFormat="1" applyFont="1" applyFill="1" applyBorder="1" applyAlignment="1">
      <alignment horizontal="right" vertical="center" shrinkToFit="1"/>
    </xf>
    <xf numFmtId="0" fontId="27" fillId="2" borderId="1" xfId="1" applyNumberFormat="1" applyFont="1" applyFill="1" applyBorder="1" applyAlignment="1">
      <alignment horizontal="left" vertical="center" wrapText="1"/>
    </xf>
    <xf numFmtId="176" fontId="12" fillId="2" borderId="1" xfId="1" applyNumberFormat="1" applyFont="1" applyFill="1" applyBorder="1" applyAlignment="1">
      <alignment horizontal="right" vertical="center" shrinkToFit="1"/>
    </xf>
    <xf numFmtId="0" fontId="1" fillId="0" borderId="1" xfId="1" applyNumberFormat="1" applyFont="1" applyFill="1" applyBorder="1" applyAlignment="1">
      <alignment horizontal="center" vertical="center" wrapText="1"/>
    </xf>
    <xf numFmtId="0" fontId="12" fillId="2" borderId="2" xfId="1" applyNumberFormat="1" applyFont="1" applyFill="1" applyBorder="1" applyAlignment="1">
      <alignment horizontal="center" vertical="center" wrapText="1"/>
    </xf>
    <xf numFmtId="49" fontId="12" fillId="2" borderId="1" xfId="1" applyNumberFormat="1" applyFont="1" applyFill="1" applyBorder="1" applyAlignment="1">
      <alignment horizontal="center" vertical="center" wrapText="1"/>
    </xf>
    <xf numFmtId="49" fontId="12" fillId="3" borderId="1" xfId="1" applyNumberFormat="1" applyFont="1" applyFill="1" applyBorder="1" applyAlignment="1">
      <alignment horizontal="center" vertical="center" wrapText="1"/>
    </xf>
    <xf numFmtId="0" fontId="1" fillId="6" borderId="2" xfId="1" applyFont="1" applyFill="1" applyBorder="1" applyAlignment="1">
      <alignment horizontal="right" vertical="center" shrinkToFit="1"/>
    </xf>
    <xf numFmtId="179" fontId="12" fillId="2" borderId="2" xfId="1" applyNumberFormat="1" applyFont="1" applyFill="1" applyBorder="1" applyAlignment="1">
      <alignment horizontal="right" vertical="center" shrinkToFit="1"/>
    </xf>
    <xf numFmtId="180" fontId="12" fillId="2" borderId="2" xfId="1" applyNumberFormat="1" applyFont="1" applyFill="1" applyBorder="1" applyAlignment="1">
      <alignment horizontal="right" vertical="center" shrinkToFit="1"/>
    </xf>
    <xf numFmtId="0" fontId="1" fillId="6" borderId="12" xfId="1" applyFont="1" applyFill="1" applyBorder="1" applyAlignment="1">
      <alignment horizontal="center" vertical="center" shrinkToFit="1"/>
    </xf>
    <xf numFmtId="0" fontId="1" fillId="6" borderId="7" xfId="1" applyFont="1" applyFill="1" applyBorder="1" applyAlignment="1">
      <alignment horizontal="center" vertical="center" shrinkToFit="1"/>
    </xf>
    <xf numFmtId="0" fontId="1" fillId="6" borderId="9" xfId="1" applyFont="1" applyFill="1" applyBorder="1" applyAlignment="1">
      <alignment horizontal="center" vertical="center" shrinkToFit="1"/>
    </xf>
    <xf numFmtId="181" fontId="12" fillId="2" borderId="2" xfId="1" applyNumberFormat="1" applyFont="1" applyFill="1" applyBorder="1" applyAlignment="1">
      <alignment horizontal="right" vertical="center" shrinkToFit="1"/>
    </xf>
    <xf numFmtId="0" fontId="29" fillId="2" borderId="0" xfId="1" applyFont="1" applyFill="1" applyBorder="1">
      <alignment vertical="center"/>
    </xf>
    <xf numFmtId="0" fontId="21" fillId="2" borderId="0" xfId="1" applyFont="1" applyFill="1" applyBorder="1">
      <alignment vertical="center"/>
    </xf>
    <xf numFmtId="0" fontId="30" fillId="2" borderId="0" xfId="1" applyFont="1" applyFill="1" applyAlignment="1">
      <alignment horizontal="left" vertical="center"/>
    </xf>
    <xf numFmtId="0" fontId="30" fillId="0" borderId="0" xfId="1" applyFont="1" applyFill="1" applyBorder="1">
      <alignment vertical="center"/>
    </xf>
    <xf numFmtId="0" fontId="4" fillId="3" borderId="1" xfId="1" applyFont="1" applyFill="1" applyBorder="1" applyAlignment="1">
      <alignment horizontal="center" vertical="center"/>
    </xf>
    <xf numFmtId="0" fontId="4" fillId="3" borderId="1" xfId="1" applyFont="1" applyFill="1" applyBorder="1" applyAlignment="1">
      <alignment horizontal="center" vertical="center"/>
    </xf>
    <xf numFmtId="0" fontId="10" fillId="8" borderId="0" xfId="1" applyFont="1" applyFill="1" applyBorder="1">
      <alignment vertical="center"/>
    </xf>
    <xf numFmtId="0" fontId="31" fillId="0" borderId="0" xfId="1" applyFont="1" applyFill="1" applyBorder="1">
      <alignment vertical="center"/>
    </xf>
    <xf numFmtId="0" fontId="10" fillId="4" borderId="7" xfId="1" applyFont="1" applyFill="1" applyBorder="1" applyAlignment="1">
      <alignment vertical="center" wrapText="1"/>
    </xf>
    <xf numFmtId="0" fontId="1" fillId="3" borderId="1" xfId="1" applyFont="1" applyFill="1" applyBorder="1" applyAlignment="1">
      <alignment horizontal="center" vertical="center" wrapText="1"/>
    </xf>
    <xf numFmtId="0" fontId="4" fillId="3" borderId="1" xfId="1" applyFont="1" applyFill="1" applyBorder="1" applyAlignment="1">
      <alignment horizontal="center" vertical="center"/>
    </xf>
    <xf numFmtId="0" fontId="18" fillId="2" borderId="0" xfId="2" applyFont="1" applyFill="1">
      <alignment vertical="center"/>
    </xf>
    <xf numFmtId="0" fontId="4" fillId="5" borderId="11" xfId="1" applyFont="1" applyFill="1" applyBorder="1" applyAlignment="1">
      <alignment horizontal="left" vertical="top" wrapText="1"/>
    </xf>
    <xf numFmtId="0" fontId="10" fillId="4" borderId="9" xfId="1" applyFont="1" applyFill="1" applyBorder="1" applyAlignment="1">
      <alignment vertical="center" wrapText="1"/>
    </xf>
    <xf numFmtId="0" fontId="10" fillId="4" borderId="6" xfId="1" applyFont="1" applyFill="1" applyBorder="1" applyAlignment="1">
      <alignment vertical="center" wrapText="1"/>
    </xf>
    <xf numFmtId="0" fontId="4" fillId="2" borderId="0" xfId="1" applyFont="1" applyFill="1" applyBorder="1" applyAlignment="1">
      <alignment horizontal="left" vertical="center"/>
    </xf>
    <xf numFmtId="0" fontId="4" fillId="4" borderId="1"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10" fillId="4" borderId="9" xfId="1" applyFont="1" applyFill="1" applyBorder="1" applyAlignment="1">
      <alignment horizontal="left" vertical="center" wrapText="1"/>
    </xf>
    <xf numFmtId="0" fontId="10" fillId="4" borderId="10" xfId="1" applyFont="1" applyFill="1" applyBorder="1" applyAlignment="1">
      <alignment horizontal="left" vertical="center" wrapText="1"/>
    </xf>
    <xf numFmtId="0" fontId="10" fillId="5" borderId="1" xfId="1" applyFont="1" applyFill="1" applyBorder="1" applyAlignment="1">
      <alignment horizontal="left" vertical="top" wrapText="1"/>
    </xf>
    <xf numFmtId="0" fontId="4" fillId="4" borderId="7" xfId="1" applyFont="1" applyFill="1" applyBorder="1" applyAlignment="1">
      <alignment horizontal="left" vertical="center" wrapText="1"/>
    </xf>
    <xf numFmtId="0" fontId="10" fillId="5" borderId="12" xfId="1" applyFont="1" applyFill="1" applyBorder="1" applyAlignment="1">
      <alignment horizontal="left" vertical="top" wrapText="1"/>
    </xf>
    <xf numFmtId="0" fontId="4" fillId="4" borderId="0" xfId="1" applyFont="1" applyFill="1" applyBorder="1" applyAlignment="1">
      <alignment horizontal="left" vertical="center" wrapText="1"/>
    </xf>
    <xf numFmtId="0" fontId="14" fillId="2" borderId="0" xfId="2" applyFill="1" applyAlignment="1">
      <alignment horizontal="left" vertical="center"/>
    </xf>
    <xf numFmtId="184" fontId="1" fillId="2" borderId="1" xfId="1" applyNumberFormat="1" applyFont="1" applyFill="1" applyBorder="1" applyAlignment="1">
      <alignment horizontal="center" vertical="center" wrapText="1"/>
    </xf>
    <xf numFmtId="179" fontId="1" fillId="2" borderId="1" xfId="1" applyNumberFormat="1" applyFont="1" applyFill="1" applyBorder="1" applyAlignment="1">
      <alignment horizontal="center" vertical="center" wrapText="1"/>
    </xf>
    <xf numFmtId="0" fontId="14" fillId="0" borderId="0" xfId="2">
      <alignment vertical="center"/>
    </xf>
    <xf numFmtId="0" fontId="28" fillId="0" borderId="0" xfId="0" applyFont="1">
      <alignment vertical="center"/>
    </xf>
    <xf numFmtId="0" fontId="4" fillId="3" borderId="1" xfId="1" applyFont="1" applyFill="1" applyBorder="1" applyAlignment="1">
      <alignment horizontal="center" vertical="center"/>
    </xf>
    <xf numFmtId="185" fontId="1" fillId="2" borderId="1" xfId="1" applyNumberFormat="1" applyFont="1" applyFill="1" applyBorder="1" applyAlignment="1">
      <alignment horizontal="center" vertical="center" wrapText="1"/>
    </xf>
    <xf numFmtId="0" fontId="10" fillId="4" borderId="3" xfId="1" applyFont="1" applyFill="1" applyBorder="1" applyAlignment="1">
      <alignment vertical="center" wrapText="1"/>
    </xf>
    <xf numFmtId="0" fontId="4" fillId="2" borderId="0" xfId="1" applyFont="1" applyFill="1" applyBorder="1" applyAlignment="1">
      <alignment horizontal="left" vertical="center"/>
    </xf>
    <xf numFmtId="0" fontId="10" fillId="4" borderId="7" xfId="1" applyFont="1" applyFill="1" applyBorder="1" applyAlignment="1">
      <alignment horizontal="left" vertical="center" wrapText="1"/>
    </xf>
    <xf numFmtId="0" fontId="10" fillId="4" borderId="0" xfId="1" applyFont="1" applyFill="1" applyBorder="1" applyAlignment="1">
      <alignment horizontal="left" vertical="center" wrapText="1"/>
    </xf>
    <xf numFmtId="186" fontId="12" fillId="2" borderId="15" xfId="1" applyNumberFormat="1" applyFont="1" applyFill="1" applyBorder="1" applyAlignment="1">
      <alignment horizontal="center" vertical="center" shrinkToFit="1"/>
    </xf>
    <xf numFmtId="186" fontId="12" fillId="2" borderId="11" xfId="1" applyNumberFormat="1" applyFont="1" applyFill="1" applyBorder="1" applyAlignment="1">
      <alignment horizontal="center" vertical="center" shrinkToFit="1"/>
    </xf>
    <xf numFmtId="0" fontId="1" fillId="3" borderId="14" xfId="1" applyFont="1" applyFill="1" applyBorder="1" applyAlignment="1">
      <alignment horizontal="center" vertical="center" wrapText="1"/>
    </xf>
    <xf numFmtId="49" fontId="1" fillId="3" borderId="5" xfId="1" applyNumberFormat="1" applyFont="1" applyFill="1" applyBorder="1" applyAlignment="1">
      <alignment horizontal="center" vertical="center" wrapText="1"/>
    </xf>
    <xf numFmtId="0" fontId="1" fillId="2" borderId="13" xfId="1" applyFont="1" applyFill="1" applyBorder="1" applyAlignment="1">
      <alignment vertical="center"/>
    </xf>
    <xf numFmtId="0" fontId="1" fillId="2" borderId="13" xfId="1" applyFont="1" applyFill="1" applyBorder="1" applyAlignment="1">
      <alignment horizontal="center" vertical="center"/>
    </xf>
    <xf numFmtId="0" fontId="10" fillId="4" borderId="5" xfId="1" applyFont="1" applyFill="1" applyBorder="1" applyAlignment="1">
      <alignment vertical="center" wrapText="1"/>
    </xf>
    <xf numFmtId="0" fontId="14" fillId="0" borderId="0" xfId="2" applyAlignment="1">
      <alignment vertical="center"/>
    </xf>
    <xf numFmtId="0" fontId="16" fillId="2" borderId="0" xfId="1" applyFont="1" applyFill="1" applyAlignment="1">
      <alignment horizontal="left" vertical="top" wrapText="1"/>
    </xf>
    <xf numFmtId="0" fontId="16" fillId="2" borderId="0" xfId="1" applyFont="1" applyFill="1" applyAlignment="1">
      <alignment horizontal="left" vertical="center" wrapText="1"/>
    </xf>
    <xf numFmtId="0" fontId="14" fillId="0" borderId="0" xfId="2">
      <alignment vertical="center"/>
    </xf>
    <xf numFmtId="0" fontId="4" fillId="4" borderId="2" xfId="1" applyFont="1" applyFill="1" applyBorder="1" applyAlignment="1">
      <alignment horizontal="left" vertical="center" wrapText="1"/>
    </xf>
    <xf numFmtId="0" fontId="4" fillId="4" borderId="3" xfId="1" applyFont="1" applyFill="1" applyBorder="1" applyAlignment="1">
      <alignment horizontal="left" vertical="center" wrapText="1"/>
    </xf>
    <xf numFmtId="0" fontId="4" fillId="4" borderId="4" xfId="1" applyFont="1" applyFill="1" applyBorder="1" applyAlignment="1">
      <alignment horizontal="left" vertical="center" wrapText="1"/>
    </xf>
    <xf numFmtId="0" fontId="4" fillId="4" borderId="12" xfId="1" applyFont="1" applyFill="1" applyBorder="1" applyAlignment="1">
      <alignment vertical="center" wrapText="1"/>
    </xf>
    <xf numFmtId="0" fontId="4" fillId="4" borderId="13" xfId="1" applyFont="1" applyFill="1" applyBorder="1" applyAlignment="1">
      <alignment vertical="center" wrapText="1"/>
    </xf>
    <xf numFmtId="0" fontId="4" fillId="4" borderId="8" xfId="1" applyFont="1" applyFill="1" applyBorder="1" applyAlignment="1">
      <alignment vertical="center" wrapText="1"/>
    </xf>
    <xf numFmtId="0" fontId="4" fillId="4" borderId="12" xfId="1" applyFont="1" applyFill="1" applyBorder="1" applyAlignment="1">
      <alignment horizontal="left" vertical="center" wrapText="1"/>
    </xf>
    <xf numFmtId="0" fontId="4" fillId="4" borderId="8" xfId="1" applyFont="1" applyFill="1" applyBorder="1" applyAlignment="1">
      <alignment horizontal="left" vertical="center" wrapText="1"/>
    </xf>
    <xf numFmtId="0" fontId="4" fillId="4" borderId="7"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13" xfId="1" applyFont="1" applyFill="1" applyBorder="1" applyAlignment="1">
      <alignment horizontal="left" vertical="center" wrapText="1"/>
    </xf>
    <xf numFmtId="0" fontId="4" fillId="4" borderId="7"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10" fillId="4" borderId="7" xfId="1" applyFont="1" applyFill="1" applyBorder="1" applyAlignment="1">
      <alignment horizontal="center" vertical="center" wrapText="1"/>
    </xf>
    <xf numFmtId="0" fontId="10" fillId="4" borderId="14" xfId="1" applyFont="1" applyFill="1" applyBorder="1" applyAlignment="1">
      <alignment horizontal="center" vertical="center" wrapText="1"/>
    </xf>
    <xf numFmtId="0" fontId="4" fillId="4" borderId="1" xfId="1" applyFont="1" applyFill="1" applyBorder="1" applyAlignment="1">
      <alignment horizontal="center" vertical="center"/>
    </xf>
    <xf numFmtId="0" fontId="4" fillId="3" borderId="2" xfId="1" applyFont="1" applyFill="1" applyBorder="1" applyAlignment="1">
      <alignment horizontal="center" vertical="center"/>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4" borderId="2" xfId="1" applyFont="1" applyFill="1" applyBorder="1" applyAlignment="1">
      <alignment horizontal="center" vertical="center"/>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3" borderId="1" xfId="1" applyFont="1" applyFill="1" applyBorder="1" applyAlignment="1">
      <alignment horizontal="center" vertical="center"/>
    </xf>
    <xf numFmtId="0" fontId="10" fillId="5" borderId="11" xfId="1" applyFont="1" applyFill="1" applyBorder="1" applyAlignment="1">
      <alignment horizontal="left" vertical="top" wrapText="1"/>
    </xf>
    <xf numFmtId="0" fontId="0" fillId="0" borderId="15" xfId="0" applyBorder="1" applyAlignment="1">
      <alignment horizontal="left" vertical="top" wrapText="1"/>
    </xf>
    <xf numFmtId="0" fontId="0" fillId="0" borderId="5" xfId="0" applyBorder="1" applyAlignment="1">
      <alignment horizontal="left" vertical="top" wrapText="1"/>
    </xf>
    <xf numFmtId="0" fontId="4" fillId="4" borderId="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10" fillId="5" borderId="1" xfId="1" applyFont="1" applyFill="1" applyBorder="1" applyAlignment="1">
      <alignment horizontal="left" vertical="top" wrapText="1"/>
    </xf>
    <xf numFmtId="0" fontId="4" fillId="5" borderId="12" xfId="1" applyFont="1" applyFill="1" applyBorder="1" applyAlignment="1">
      <alignment horizontal="left" vertical="top" wrapText="1"/>
    </xf>
    <xf numFmtId="0" fontId="4" fillId="5" borderId="7" xfId="1" applyFont="1" applyFill="1" applyBorder="1" applyAlignment="1">
      <alignment horizontal="left" vertical="top" wrapText="1"/>
    </xf>
    <xf numFmtId="0" fontId="4" fillId="5" borderId="9" xfId="1" applyFont="1" applyFill="1" applyBorder="1" applyAlignment="1">
      <alignment horizontal="left" vertical="top" wrapText="1"/>
    </xf>
    <xf numFmtId="0" fontId="4" fillId="4" borderId="9" xfId="1" applyFont="1" applyFill="1" applyBorder="1" applyAlignment="1">
      <alignment horizontal="center" vertical="center" wrapText="1"/>
    </xf>
    <xf numFmtId="0" fontId="4" fillId="4" borderId="2" xfId="1" applyFont="1" applyFill="1" applyBorder="1" applyAlignment="1">
      <alignment vertical="center" wrapText="1"/>
    </xf>
    <xf numFmtId="0" fontId="4" fillId="4" borderId="4" xfId="1" applyFont="1" applyFill="1" applyBorder="1" applyAlignment="1">
      <alignment vertical="center" wrapText="1"/>
    </xf>
    <xf numFmtId="0" fontId="10" fillId="4" borderId="2" xfId="1" applyFont="1" applyFill="1" applyBorder="1" applyAlignment="1">
      <alignment horizontal="left" vertical="center" wrapText="1"/>
    </xf>
    <xf numFmtId="0" fontId="10" fillId="4" borderId="3" xfId="1" applyFont="1" applyFill="1" applyBorder="1" applyAlignment="1">
      <alignment horizontal="left" vertical="center" wrapText="1"/>
    </xf>
    <xf numFmtId="0" fontId="10" fillId="4" borderId="4" xfId="1" applyFont="1" applyFill="1" applyBorder="1" applyAlignment="1">
      <alignment horizontal="left" vertical="center" wrapText="1"/>
    </xf>
    <xf numFmtId="0" fontId="10" fillId="4" borderId="12" xfId="1" applyFont="1" applyFill="1" applyBorder="1" applyAlignment="1">
      <alignment horizontal="left" vertical="center" wrapText="1"/>
    </xf>
    <xf numFmtId="0" fontId="10" fillId="4" borderId="13" xfId="1" applyFont="1" applyFill="1" applyBorder="1" applyAlignment="1">
      <alignment horizontal="left" vertical="center" wrapText="1"/>
    </xf>
    <xf numFmtId="0" fontId="10" fillId="4" borderId="8" xfId="1" applyFont="1" applyFill="1" applyBorder="1" applyAlignment="1">
      <alignment horizontal="left" vertical="center" wrapText="1"/>
    </xf>
    <xf numFmtId="0" fontId="10" fillId="4" borderId="9" xfId="1" applyFont="1" applyFill="1" applyBorder="1" applyAlignment="1">
      <alignment horizontal="center" vertical="center" wrapText="1"/>
    </xf>
    <xf numFmtId="0" fontId="10" fillId="4" borderId="10" xfId="1" applyFont="1" applyFill="1" applyBorder="1" applyAlignment="1">
      <alignment horizontal="center" vertical="center" wrapText="1"/>
    </xf>
    <xf numFmtId="0" fontId="4" fillId="4" borderId="3" xfId="1" applyFont="1" applyFill="1" applyBorder="1" applyAlignment="1">
      <alignment vertical="center" wrapText="1"/>
    </xf>
    <xf numFmtId="0" fontId="4" fillId="4" borderId="1" xfId="1" applyFont="1" applyFill="1" applyBorder="1" applyAlignment="1">
      <alignment horizontal="left" vertical="center" wrapText="1"/>
    </xf>
    <xf numFmtId="0" fontId="0" fillId="4" borderId="1" xfId="0" applyFill="1" applyBorder="1" applyAlignment="1">
      <alignment horizontal="left" vertical="center" wrapText="1"/>
    </xf>
    <xf numFmtId="0" fontId="10" fillId="5" borderId="12" xfId="1" applyFont="1" applyFill="1" applyBorder="1" applyAlignment="1">
      <alignment horizontal="left" vertical="top" wrapText="1"/>
    </xf>
    <xf numFmtId="0" fontId="10" fillId="5" borderId="7" xfId="1" applyFont="1" applyFill="1" applyBorder="1" applyAlignment="1">
      <alignment horizontal="left" vertical="top" wrapText="1"/>
    </xf>
    <xf numFmtId="0" fontId="10" fillId="5" borderId="9" xfId="1" applyFont="1" applyFill="1" applyBorder="1" applyAlignment="1">
      <alignment horizontal="left" vertical="top" wrapText="1"/>
    </xf>
    <xf numFmtId="0" fontId="0" fillId="0" borderId="1" xfId="0" applyBorder="1" applyAlignment="1">
      <alignment horizontal="left" vertical="center" wrapText="1"/>
    </xf>
    <xf numFmtId="178" fontId="4" fillId="5" borderId="12" xfId="1" applyNumberFormat="1" applyFont="1" applyFill="1" applyBorder="1" applyAlignment="1">
      <alignment horizontal="left" vertical="top" wrapText="1"/>
    </xf>
    <xf numFmtId="178" fontId="4" fillId="5" borderId="7"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178" fontId="4" fillId="5" borderId="11" xfId="1" applyNumberFormat="1" applyFont="1" applyFill="1" applyBorder="1" applyAlignment="1">
      <alignment horizontal="left" vertical="top" wrapText="1"/>
    </xf>
    <xf numFmtId="178" fontId="4" fillId="5" borderId="15" xfId="1" applyNumberFormat="1" applyFont="1" applyFill="1" applyBorder="1" applyAlignment="1">
      <alignment horizontal="left" vertical="top" wrapText="1"/>
    </xf>
    <xf numFmtId="178" fontId="4" fillId="5" borderId="5" xfId="1" applyNumberFormat="1" applyFont="1" applyFill="1" applyBorder="1" applyAlignment="1">
      <alignment horizontal="left" vertical="top" wrapText="1"/>
    </xf>
    <xf numFmtId="0" fontId="10" fillId="5" borderId="5" xfId="1" applyFont="1" applyFill="1" applyBorder="1" applyAlignment="1">
      <alignment horizontal="left" vertical="top" wrapText="1"/>
    </xf>
    <xf numFmtId="0" fontId="4" fillId="5" borderId="11" xfId="1" applyFont="1" applyFill="1" applyBorder="1" applyAlignment="1">
      <alignment horizontal="left" vertical="top" wrapText="1"/>
    </xf>
    <xf numFmtId="0" fontId="4" fillId="4" borderId="5" xfId="1" applyFont="1" applyFill="1" applyBorder="1" applyAlignment="1">
      <alignment horizontal="left" vertical="center" wrapText="1"/>
    </xf>
    <xf numFmtId="0" fontId="0" fillId="0" borderId="5" xfId="0" applyBorder="1" applyAlignment="1">
      <alignment horizontal="left" vertical="center" wrapText="1"/>
    </xf>
    <xf numFmtId="0" fontId="0" fillId="0" borderId="8" xfId="0" applyBorder="1" applyAlignment="1">
      <alignment horizontal="left" vertical="center" wrapText="1"/>
    </xf>
    <xf numFmtId="0" fontId="0" fillId="0" borderId="7" xfId="0" applyBorder="1" applyAlignment="1">
      <alignment horizontal="left" vertical="center" wrapText="1"/>
    </xf>
    <xf numFmtId="0" fontId="0" fillId="0" borderId="14"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0" fillId="5" borderId="15" xfId="1" applyFont="1" applyFill="1" applyBorder="1" applyAlignment="1">
      <alignment horizontal="left" vertical="top" wrapText="1"/>
    </xf>
    <xf numFmtId="0" fontId="1" fillId="4" borderId="5" xfId="1" applyFont="1" applyFill="1" applyBorder="1" applyAlignment="1">
      <alignment horizontal="center" vertical="center" textRotation="255" wrapText="1"/>
    </xf>
    <xf numFmtId="0" fontId="1" fillId="4" borderId="1" xfId="1" applyFont="1" applyFill="1" applyBorder="1" applyAlignment="1">
      <alignment horizontal="center" vertical="center" textRotation="255" wrapText="1"/>
    </xf>
    <xf numFmtId="0" fontId="1" fillId="4" borderId="11" xfId="1" applyFont="1" applyFill="1" applyBorder="1" applyAlignment="1">
      <alignment horizontal="center" vertical="center" textRotation="255" wrapText="1"/>
    </xf>
    <xf numFmtId="0" fontId="4" fillId="4" borderId="1" xfId="1" applyFont="1" applyFill="1" applyBorder="1" applyAlignment="1">
      <alignment horizontal="center" vertical="center" wrapText="1"/>
    </xf>
    <xf numFmtId="0" fontId="0" fillId="0" borderId="1" xfId="0" applyBorder="1" applyAlignment="1">
      <alignment horizontal="center" vertical="center" wrapText="1"/>
    </xf>
    <xf numFmtId="0" fontId="1" fillId="4" borderId="1" xfId="1" applyFont="1" applyFill="1" applyBorder="1" applyAlignment="1">
      <alignment horizontal="left" vertical="center" wrapText="1"/>
    </xf>
    <xf numFmtId="0" fontId="10" fillId="4" borderId="7" xfId="1" applyFont="1" applyFill="1" applyBorder="1" applyAlignment="1">
      <alignment horizontal="left" vertical="center" wrapText="1"/>
    </xf>
    <xf numFmtId="0" fontId="10" fillId="4" borderId="0" xfId="1" applyFont="1" applyFill="1" applyBorder="1" applyAlignment="1">
      <alignment horizontal="left" vertical="center" wrapText="1"/>
    </xf>
    <xf numFmtId="0" fontId="10" fillId="4" borderId="14" xfId="1" applyFont="1" applyFill="1" applyBorder="1" applyAlignment="1">
      <alignment horizontal="left" vertical="center" wrapText="1"/>
    </xf>
    <xf numFmtId="0" fontId="10" fillId="4" borderId="9" xfId="1" applyFont="1" applyFill="1" applyBorder="1" applyAlignment="1">
      <alignment horizontal="left" vertical="center" wrapText="1"/>
    </xf>
    <xf numFmtId="0" fontId="10" fillId="4" borderId="6" xfId="1" applyFont="1" applyFill="1" applyBorder="1" applyAlignment="1">
      <alignment horizontal="left" vertical="center" wrapText="1"/>
    </xf>
    <xf numFmtId="0" fontId="10" fillId="4" borderId="10" xfId="1" applyFont="1" applyFill="1" applyBorder="1" applyAlignment="1">
      <alignment horizontal="left" vertical="center" wrapText="1"/>
    </xf>
    <xf numFmtId="0" fontId="4" fillId="4" borderId="1" xfId="1" applyFont="1" applyFill="1" applyBorder="1" applyAlignment="1">
      <alignment horizontal="center" vertical="center" textRotation="255" wrapText="1"/>
    </xf>
    <xf numFmtId="0" fontId="4" fillId="0" borderId="1" xfId="0" applyFont="1" applyBorder="1" applyAlignment="1">
      <alignment horizontal="center" vertical="center" textRotation="255" wrapText="1"/>
    </xf>
    <xf numFmtId="0" fontId="12" fillId="5" borderId="15" xfId="0" applyFont="1" applyFill="1" applyBorder="1" applyAlignment="1">
      <alignment horizontal="left" vertical="top" wrapText="1"/>
    </xf>
    <xf numFmtId="0" fontId="12" fillId="5" borderId="5" xfId="0" applyFont="1" applyFill="1" applyBorder="1" applyAlignment="1">
      <alignment horizontal="left" vertical="top" wrapText="1"/>
    </xf>
    <xf numFmtId="0" fontId="1" fillId="4" borderId="12" xfId="1" applyFont="1" applyFill="1" applyBorder="1" applyAlignment="1">
      <alignment horizontal="left" vertical="center" shrinkToFit="1"/>
    </xf>
    <xf numFmtId="0" fontId="1" fillId="4" borderId="13" xfId="1" applyFont="1" applyFill="1" applyBorder="1" applyAlignment="1">
      <alignment horizontal="left" vertical="center" shrinkToFit="1"/>
    </xf>
    <xf numFmtId="0" fontId="1" fillId="4" borderId="8" xfId="1" applyFont="1" applyFill="1" applyBorder="1" applyAlignment="1">
      <alignment horizontal="left" vertical="center" shrinkToFit="1"/>
    </xf>
    <xf numFmtId="0" fontId="1" fillId="4" borderId="2" xfId="1" applyFont="1" applyFill="1" applyBorder="1" applyAlignment="1">
      <alignment horizontal="left" vertical="center" wrapText="1"/>
    </xf>
    <xf numFmtId="0" fontId="1" fillId="4" borderId="3" xfId="1" applyFont="1" applyFill="1" applyBorder="1" applyAlignment="1">
      <alignment horizontal="left" vertical="center" wrapText="1"/>
    </xf>
    <xf numFmtId="0" fontId="1" fillId="4" borderId="4" xfId="1" applyFont="1" applyFill="1" applyBorder="1" applyAlignment="1">
      <alignment horizontal="left" vertical="center" wrapText="1"/>
    </xf>
    <xf numFmtId="0" fontId="4" fillId="4" borderId="5" xfId="1" applyFont="1" applyFill="1" applyBorder="1" applyAlignment="1">
      <alignment horizontal="center" vertical="center" wrapText="1"/>
    </xf>
    <xf numFmtId="0" fontId="4" fillId="4" borderId="11" xfId="1" applyFont="1" applyFill="1" applyBorder="1" applyAlignment="1">
      <alignment horizontal="center" vertical="center" wrapText="1"/>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12" fillId="0" borderId="15" xfId="0" applyFont="1" applyBorder="1" applyAlignment="1">
      <alignment horizontal="left" vertical="top" wrapText="1"/>
    </xf>
    <xf numFmtId="0" fontId="12" fillId="0" borderId="5" xfId="0" applyFont="1" applyBorder="1" applyAlignment="1">
      <alignment horizontal="left" vertical="top" wrapText="1"/>
    </xf>
    <xf numFmtId="0" fontId="1" fillId="4" borderId="7" xfId="1" applyFont="1" applyFill="1" applyBorder="1" applyAlignment="1">
      <alignment horizontal="left" vertical="center" wrapText="1"/>
    </xf>
    <xf numFmtId="0" fontId="1" fillId="4" borderId="0" xfId="1" applyFont="1" applyFill="1" applyBorder="1" applyAlignment="1">
      <alignment horizontal="left" vertical="center" wrapText="1"/>
    </xf>
    <xf numFmtId="0" fontId="1" fillId="4" borderId="14" xfId="1" applyFont="1" applyFill="1" applyBorder="1" applyAlignment="1">
      <alignment horizontal="left" vertical="center" wrapText="1"/>
    </xf>
    <xf numFmtId="0" fontId="10" fillId="4" borderId="2" xfId="1" applyFont="1" applyFill="1" applyBorder="1" applyAlignment="1">
      <alignment vertical="center" wrapText="1"/>
    </xf>
    <xf numFmtId="0" fontId="10" fillId="4" borderId="3" xfId="1" applyFont="1" applyFill="1" applyBorder="1" applyAlignment="1">
      <alignment vertical="center" wrapText="1"/>
    </xf>
    <xf numFmtId="0" fontId="10" fillId="4" borderId="4" xfId="1" applyFont="1" applyFill="1" applyBorder="1" applyAlignment="1">
      <alignment vertical="center" wrapText="1"/>
    </xf>
    <xf numFmtId="0" fontId="10" fillId="4" borderId="2" xfId="1" applyFont="1" applyFill="1" applyBorder="1" applyAlignment="1">
      <alignment horizontal="center" vertical="center"/>
    </xf>
    <xf numFmtId="0" fontId="10" fillId="4" borderId="3" xfId="1" applyFont="1" applyFill="1" applyBorder="1" applyAlignment="1">
      <alignment horizontal="center" vertical="center"/>
    </xf>
    <xf numFmtId="0" fontId="10" fillId="4" borderId="4" xfId="1" applyFont="1" applyFill="1" applyBorder="1" applyAlignment="1">
      <alignment horizontal="center" vertical="center"/>
    </xf>
    <xf numFmtId="0" fontId="10" fillId="4" borderId="1" xfId="1" applyFont="1" applyFill="1" applyBorder="1" applyAlignment="1">
      <alignment horizontal="center" vertical="center"/>
    </xf>
    <xf numFmtId="0" fontId="10" fillId="3" borderId="12" xfId="1" applyFont="1" applyFill="1" applyBorder="1" applyAlignment="1">
      <alignment horizontal="center" vertical="center"/>
    </xf>
    <xf numFmtId="0" fontId="10" fillId="3" borderId="13" xfId="1" applyFont="1" applyFill="1" applyBorder="1" applyAlignment="1">
      <alignment horizontal="center" vertical="center"/>
    </xf>
    <xf numFmtId="0" fontId="10" fillId="3" borderId="8" xfId="1" applyFont="1" applyFill="1" applyBorder="1" applyAlignment="1">
      <alignment horizontal="center" vertical="center"/>
    </xf>
    <xf numFmtId="0" fontId="10" fillId="4" borderId="9" xfId="1" applyFont="1" applyFill="1" applyBorder="1" applyAlignment="1">
      <alignment vertical="center" wrapText="1"/>
    </xf>
    <xf numFmtId="0" fontId="10" fillId="4" borderId="6" xfId="1" applyFont="1" applyFill="1" applyBorder="1" applyAlignment="1">
      <alignment vertical="center" wrapText="1"/>
    </xf>
    <xf numFmtId="0" fontId="12" fillId="0" borderId="5" xfId="0" applyFont="1" applyBorder="1">
      <alignment vertical="center"/>
    </xf>
    <xf numFmtId="0" fontId="10" fillId="4" borderId="12" xfId="1" applyFont="1" applyFill="1" applyBorder="1" applyAlignment="1">
      <alignment vertical="center" wrapText="1"/>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color rgb="FF0066FF"/>
      <color rgb="FFCC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132510028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W468"/>
  <sheetViews>
    <sheetView showGridLines="0" tabSelected="1" topLeftCell="B142" zoomScale="70" zoomScaleNormal="70" workbookViewId="0">
      <selection activeCell="B1" sqref="B1"/>
    </sheetView>
  </sheetViews>
  <sheetFormatPr defaultColWidth="9" defaultRowHeight="17.25" x14ac:dyDescent="0.15"/>
  <cols>
    <col min="1" max="1" width="33.875" style="197" hidden="1" customWidth="1"/>
    <col min="2" max="2" width="2.25" style="8" customWidth="1"/>
    <col min="3" max="3" width="4.625" style="2" customWidth="1"/>
    <col min="4" max="4" width="37.875" style="2" bestFit="1" customWidth="1"/>
    <col min="5" max="5" width="4.625" style="3" customWidth="1"/>
    <col min="6" max="6" width="4.625" style="2" customWidth="1"/>
    <col min="7" max="7" width="22.375" style="2" customWidth="1"/>
    <col min="8" max="8" width="25.5" style="4" customWidth="1"/>
    <col min="9" max="9" width="56.25" style="4" customWidth="1"/>
    <col min="10" max="10" width="12.25" style="5" customWidth="1"/>
    <col min="11" max="11" width="3.875" style="6" customWidth="1"/>
    <col min="12" max="13" width="11.375" style="5" customWidth="1"/>
    <col min="14" max="22" width="11.375" style="7" customWidth="1"/>
    <col min="23" max="16384" width="9" style="8"/>
  </cols>
  <sheetData>
    <row r="1" spans="1:22" x14ac:dyDescent="0.15">
      <c r="A1" s="188"/>
      <c r="B1" s="1"/>
      <c r="I1" s="9"/>
    </row>
    <row r="2" spans="1:22" ht="18.75" x14ac:dyDescent="0.15">
      <c r="A2" s="188"/>
      <c r="B2" s="213" t="s">
        <v>416</v>
      </c>
      <c r="C2" s="183"/>
      <c r="D2" s="183"/>
      <c r="E2" s="183"/>
      <c r="F2" s="183"/>
      <c r="G2" s="183"/>
      <c r="H2" s="9"/>
    </row>
    <row r="3" spans="1:22" x14ac:dyDescent="0.15">
      <c r="A3" s="188"/>
      <c r="B3" s="214" t="s">
        <v>417</v>
      </c>
      <c r="C3" s="184"/>
      <c r="D3" s="184"/>
      <c r="E3" s="184"/>
      <c r="F3" s="184"/>
      <c r="G3" s="184"/>
      <c r="H3" s="10"/>
      <c r="I3" s="10"/>
    </row>
    <row r="4" spans="1:22" x14ac:dyDescent="0.15">
      <c r="A4" s="188"/>
      <c r="B4" s="260" t="s">
        <v>435</v>
      </c>
      <c r="C4" s="260"/>
      <c r="D4" s="260"/>
      <c r="E4" s="11"/>
      <c r="F4" s="11"/>
      <c r="G4" s="11"/>
      <c r="H4" s="12"/>
      <c r="I4" s="12"/>
    </row>
    <row r="5" spans="1:22" x14ac:dyDescent="0.15">
      <c r="A5" s="188"/>
      <c r="B5" s="242"/>
      <c r="C5" s="243"/>
      <c r="D5" s="243"/>
      <c r="E5" s="11"/>
      <c r="F5" s="11"/>
      <c r="G5" s="11"/>
      <c r="H5" s="12"/>
      <c r="I5" s="12"/>
    </row>
    <row r="6" spans="1:22" x14ac:dyDescent="0.15">
      <c r="A6" s="188"/>
      <c r="B6" s="242"/>
      <c r="C6" s="243"/>
      <c r="D6" s="243"/>
      <c r="E6" s="11"/>
      <c r="F6" s="11"/>
      <c r="G6" s="11"/>
      <c r="H6" s="12"/>
      <c r="I6" s="12"/>
    </row>
    <row r="7" spans="1:22" x14ac:dyDescent="0.15">
      <c r="A7" s="188"/>
      <c r="B7" s="14" t="s">
        <v>260</v>
      </c>
    </row>
    <row r="8" spans="1:22" x14ac:dyDescent="0.15">
      <c r="A8" s="188"/>
      <c r="B8" s="14"/>
      <c r="N8" s="8"/>
      <c r="O8" s="8"/>
      <c r="P8" s="8"/>
      <c r="Q8" s="8"/>
      <c r="R8" s="8"/>
      <c r="S8" s="8"/>
      <c r="T8" s="8"/>
      <c r="U8" s="8"/>
      <c r="V8" s="8"/>
    </row>
    <row r="9" spans="1:22" s="17" customFormat="1" x14ac:dyDescent="0.15">
      <c r="A9" s="188"/>
      <c r="B9" s="18"/>
      <c r="C9" s="15"/>
      <c r="D9" s="15"/>
      <c r="E9" s="15"/>
      <c r="F9" s="15"/>
      <c r="G9" s="15"/>
      <c r="H9" s="16"/>
      <c r="I9" s="286" t="s">
        <v>259</v>
      </c>
      <c r="J9" s="286"/>
      <c r="K9" s="286"/>
      <c r="L9" s="244" t="s">
        <v>431</v>
      </c>
      <c r="M9" s="244" t="s">
        <v>434</v>
      </c>
    </row>
    <row r="10" spans="1:22" s="17" customFormat="1" ht="34.5" customHeight="1" x14ac:dyDescent="0.15">
      <c r="A10" s="189" t="s">
        <v>267</v>
      </c>
      <c r="B10" s="13"/>
      <c r="C10" s="15"/>
      <c r="D10" s="15"/>
      <c r="E10" s="15"/>
      <c r="F10" s="15"/>
      <c r="G10" s="15"/>
      <c r="H10" s="16"/>
      <c r="I10" s="279" t="s">
        <v>257</v>
      </c>
      <c r="J10" s="279"/>
      <c r="K10" s="279"/>
      <c r="L10" s="20" t="s">
        <v>418</v>
      </c>
      <c r="M10" s="20" t="s">
        <v>418</v>
      </c>
    </row>
    <row r="11" spans="1:22" s="17" customFormat="1" ht="34.5" customHeight="1" x14ac:dyDescent="0.15">
      <c r="A11" s="189" t="s">
        <v>267</v>
      </c>
      <c r="B11" s="19"/>
      <c r="C11" s="15"/>
      <c r="D11" s="15"/>
      <c r="E11" s="15"/>
      <c r="F11" s="15"/>
      <c r="G11" s="15"/>
      <c r="H11" s="16"/>
      <c r="I11" s="279" t="s">
        <v>258</v>
      </c>
      <c r="J11" s="279"/>
      <c r="K11" s="279"/>
      <c r="L11" s="20" t="s">
        <v>419</v>
      </c>
      <c r="M11" s="20" t="s">
        <v>419</v>
      </c>
    </row>
    <row r="12" spans="1:22" x14ac:dyDescent="0.15">
      <c r="A12" s="188"/>
      <c r="B12" s="14"/>
      <c r="N12" s="8"/>
      <c r="O12" s="8"/>
      <c r="P12" s="8"/>
      <c r="Q12" s="8"/>
      <c r="R12" s="8"/>
      <c r="S12" s="8"/>
      <c r="T12" s="8"/>
      <c r="U12" s="8"/>
      <c r="V12" s="8"/>
    </row>
    <row r="13" spans="1:22" x14ac:dyDescent="0.15">
      <c r="A13" s="188"/>
      <c r="B13" s="13"/>
      <c r="N13" s="8"/>
      <c r="O13" s="8"/>
      <c r="P13" s="8"/>
      <c r="Q13" s="8"/>
      <c r="R13" s="8"/>
      <c r="S13" s="8"/>
      <c r="T13" s="8"/>
      <c r="U13" s="8"/>
      <c r="V13" s="8"/>
    </row>
    <row r="14" spans="1:22" s="17" customFormat="1" x14ac:dyDescent="0.15">
      <c r="A14" s="188"/>
      <c r="B14" s="14" t="s">
        <v>264</v>
      </c>
      <c r="C14" s="15"/>
      <c r="D14" s="15"/>
      <c r="E14" s="15"/>
      <c r="F14" s="15"/>
      <c r="G14" s="15"/>
      <c r="H14" s="16"/>
      <c r="I14" s="16"/>
      <c r="J14" s="5"/>
      <c r="K14" s="6"/>
      <c r="L14" s="5"/>
      <c r="M14" s="5"/>
    </row>
    <row r="15" spans="1:22" s="17" customFormat="1" x14ac:dyDescent="0.15">
      <c r="A15" s="188"/>
      <c r="B15" s="14"/>
      <c r="C15" s="14"/>
      <c r="D15" s="14"/>
      <c r="E15" s="14"/>
      <c r="F15" s="14"/>
      <c r="G15" s="14"/>
      <c r="H15" s="10"/>
      <c r="I15" s="10"/>
      <c r="J15" s="5"/>
      <c r="K15" s="6"/>
      <c r="L15" s="185"/>
      <c r="M15" s="185"/>
    </row>
    <row r="16" spans="1:22" s="17" customFormat="1" x14ac:dyDescent="0.15">
      <c r="A16" s="188"/>
      <c r="B16" s="18"/>
      <c r="C16" s="15"/>
      <c r="D16" s="15"/>
      <c r="E16" s="15"/>
      <c r="F16" s="15"/>
      <c r="G16" s="15"/>
      <c r="H16" s="16"/>
      <c r="I16" s="286" t="s">
        <v>251</v>
      </c>
      <c r="J16" s="286"/>
      <c r="K16" s="286"/>
      <c r="L16" s="217" t="s">
        <v>431</v>
      </c>
      <c r="M16" s="223" t="s">
        <v>434</v>
      </c>
    </row>
    <row r="17" spans="1:22" s="17" customFormat="1" ht="34.5" customHeight="1" x14ac:dyDescent="0.15">
      <c r="A17" s="189" t="s">
        <v>267</v>
      </c>
      <c r="B17" s="13"/>
      <c r="C17" s="15"/>
      <c r="D17" s="15"/>
      <c r="E17" s="15"/>
      <c r="F17" s="15"/>
      <c r="G17" s="15"/>
      <c r="H17" s="16"/>
      <c r="I17" s="279" t="s">
        <v>0</v>
      </c>
      <c r="J17" s="279"/>
      <c r="K17" s="279"/>
      <c r="L17" s="20"/>
      <c r="M17" s="20"/>
    </row>
    <row r="18" spans="1:22" s="17" customFormat="1" ht="34.5" customHeight="1" x14ac:dyDescent="0.15">
      <c r="A18" s="189" t="s">
        <v>267</v>
      </c>
      <c r="B18" s="19"/>
      <c r="C18" s="15"/>
      <c r="D18" s="15"/>
      <c r="E18" s="15"/>
      <c r="F18" s="15"/>
      <c r="G18" s="15"/>
      <c r="H18" s="16"/>
      <c r="I18" s="279" t="s">
        <v>1</v>
      </c>
      <c r="J18" s="279"/>
      <c r="K18" s="279"/>
      <c r="L18" s="20"/>
      <c r="M18" s="20"/>
    </row>
    <row r="19" spans="1:22" s="17" customFormat="1" ht="34.5" customHeight="1" x14ac:dyDescent="0.15">
      <c r="A19" s="189" t="s">
        <v>267</v>
      </c>
      <c r="B19" s="19"/>
      <c r="C19" s="15"/>
      <c r="D19" s="15"/>
      <c r="E19" s="15"/>
      <c r="F19" s="15"/>
      <c r="G19" s="15"/>
      <c r="H19" s="16"/>
      <c r="I19" s="279" t="s">
        <v>2</v>
      </c>
      <c r="J19" s="279"/>
      <c r="K19" s="279"/>
      <c r="L19" s="22"/>
      <c r="M19" s="22"/>
    </row>
    <row r="20" spans="1:22" s="17" customFormat="1" ht="34.5" customHeight="1" x14ac:dyDescent="0.15">
      <c r="A20" s="189" t="s">
        <v>267</v>
      </c>
      <c r="B20" s="13"/>
      <c r="C20" s="15"/>
      <c r="D20" s="15"/>
      <c r="E20" s="15"/>
      <c r="F20" s="15"/>
      <c r="G20" s="15"/>
      <c r="H20" s="16"/>
      <c r="I20" s="279" t="s">
        <v>3</v>
      </c>
      <c r="J20" s="279"/>
      <c r="K20" s="279"/>
      <c r="L20" s="21" t="s">
        <v>420</v>
      </c>
      <c r="M20" s="21" t="s">
        <v>420</v>
      </c>
    </row>
    <row r="21" spans="1:22" s="17" customFormat="1" ht="34.5" customHeight="1" x14ac:dyDescent="0.15">
      <c r="A21" s="189" t="s">
        <v>267</v>
      </c>
      <c r="B21" s="13"/>
      <c r="C21" s="15"/>
      <c r="D21" s="15"/>
      <c r="E21" s="15"/>
      <c r="F21" s="15"/>
      <c r="G21" s="15"/>
      <c r="H21" s="16"/>
      <c r="I21" s="279" t="s">
        <v>194</v>
      </c>
      <c r="J21" s="279"/>
      <c r="K21" s="279"/>
      <c r="L21" s="22"/>
      <c r="M21" s="22"/>
    </row>
    <row r="22" spans="1:22" s="17" customFormat="1" ht="34.5" customHeight="1" x14ac:dyDescent="0.15">
      <c r="A22" s="189" t="s">
        <v>267</v>
      </c>
      <c r="B22" s="13"/>
      <c r="C22" s="15"/>
      <c r="D22" s="15"/>
      <c r="E22" s="15"/>
      <c r="F22" s="15"/>
      <c r="G22" s="15"/>
      <c r="H22" s="16"/>
      <c r="I22" s="279" t="s">
        <v>195</v>
      </c>
      <c r="J22" s="279"/>
      <c r="K22" s="279"/>
      <c r="L22" s="22"/>
      <c r="M22" s="22"/>
    </row>
    <row r="23" spans="1:22" s="17" customFormat="1" ht="34.5" customHeight="1" x14ac:dyDescent="0.15">
      <c r="A23" s="189" t="s">
        <v>267</v>
      </c>
      <c r="B23" s="13"/>
      <c r="C23" s="15"/>
      <c r="D23" s="15"/>
      <c r="E23" s="15"/>
      <c r="F23" s="15"/>
      <c r="G23" s="15"/>
      <c r="H23" s="16"/>
      <c r="I23" s="279" t="s">
        <v>241</v>
      </c>
      <c r="J23" s="279"/>
      <c r="K23" s="279"/>
      <c r="L23" s="22"/>
      <c r="M23" s="22"/>
    </row>
    <row r="24" spans="1:22" s="17" customFormat="1" x14ac:dyDescent="0.15">
      <c r="A24" s="188"/>
      <c r="B24" s="13"/>
      <c r="C24" s="2"/>
      <c r="D24" s="2"/>
      <c r="E24" s="3"/>
      <c r="F24" s="2"/>
      <c r="G24" s="23"/>
      <c r="H24" s="4"/>
      <c r="I24" s="4"/>
      <c r="J24" s="5"/>
      <c r="K24" s="24"/>
      <c r="L24" s="7"/>
      <c r="M24" s="7"/>
    </row>
    <row r="25" spans="1:22" x14ac:dyDescent="0.15">
      <c r="A25" s="188"/>
      <c r="B25" s="13"/>
      <c r="K25" s="24"/>
      <c r="L25" s="7"/>
      <c r="M25" s="7"/>
      <c r="N25" s="8"/>
      <c r="O25" s="8"/>
      <c r="P25" s="8"/>
      <c r="Q25" s="8"/>
      <c r="R25" s="8"/>
      <c r="S25" s="8"/>
      <c r="T25" s="8"/>
      <c r="U25" s="8"/>
      <c r="V25" s="8"/>
    </row>
    <row r="26" spans="1:22" s="17" customFormat="1" x14ac:dyDescent="0.15">
      <c r="A26" s="188"/>
      <c r="B26" s="181" t="s">
        <v>252</v>
      </c>
      <c r="C26" s="15"/>
      <c r="D26" s="15"/>
      <c r="E26" s="15"/>
      <c r="F26" s="15"/>
      <c r="G26" s="15"/>
      <c r="H26" s="16"/>
      <c r="I26" s="16"/>
      <c r="J26" s="5"/>
      <c r="K26" s="24"/>
      <c r="L26" s="7"/>
      <c r="M26" s="7"/>
    </row>
    <row r="27" spans="1:22" s="17" customFormat="1" x14ac:dyDescent="0.15">
      <c r="A27" s="188"/>
      <c r="B27" s="14"/>
      <c r="C27" s="14"/>
      <c r="D27" s="14"/>
      <c r="E27" s="14"/>
      <c r="F27" s="14"/>
      <c r="G27" s="14"/>
      <c r="H27" s="10"/>
      <c r="I27" s="10"/>
      <c r="J27" s="5"/>
      <c r="K27" s="24"/>
      <c r="L27" s="185"/>
      <c r="M27" s="185"/>
    </row>
    <row r="28" spans="1:22" s="17" customFormat="1" x14ac:dyDescent="0.15">
      <c r="A28" s="188"/>
      <c r="B28" s="18"/>
      <c r="C28" s="15"/>
      <c r="D28" s="15"/>
      <c r="E28" s="15"/>
      <c r="F28" s="15"/>
      <c r="G28" s="15"/>
      <c r="H28" s="16"/>
      <c r="I28" s="280" t="s">
        <v>253</v>
      </c>
      <c r="J28" s="281"/>
      <c r="K28" s="282"/>
      <c r="L28" s="218" t="s">
        <v>431</v>
      </c>
      <c r="M28" s="223" t="s">
        <v>434</v>
      </c>
    </row>
    <row r="29" spans="1:22" s="17" customFormat="1" ht="34.5" customHeight="1" x14ac:dyDescent="0.15">
      <c r="A29" s="189" t="s">
        <v>268</v>
      </c>
      <c r="B29" s="13"/>
      <c r="C29" s="15"/>
      <c r="D29" s="15"/>
      <c r="E29" s="15"/>
      <c r="F29" s="15"/>
      <c r="G29" s="15"/>
      <c r="H29" s="16"/>
      <c r="I29" s="283" t="s">
        <v>0</v>
      </c>
      <c r="J29" s="284"/>
      <c r="K29" s="285"/>
      <c r="L29" s="20"/>
      <c r="M29" s="20"/>
    </row>
    <row r="30" spans="1:22" s="17" customFormat="1" ht="34.5" customHeight="1" x14ac:dyDescent="0.15">
      <c r="A30" s="189" t="s">
        <v>268</v>
      </c>
      <c r="B30" s="19"/>
      <c r="C30" s="15"/>
      <c r="D30" s="15"/>
      <c r="E30" s="15"/>
      <c r="F30" s="15"/>
      <c r="G30" s="15"/>
      <c r="H30" s="16"/>
      <c r="I30" s="283" t="s">
        <v>1</v>
      </c>
      <c r="J30" s="284"/>
      <c r="K30" s="285"/>
      <c r="L30" s="20"/>
      <c r="M30" s="20"/>
    </row>
    <row r="31" spans="1:22" s="17" customFormat="1" ht="34.5" customHeight="1" x14ac:dyDescent="0.15">
      <c r="A31" s="189" t="s">
        <v>268</v>
      </c>
      <c r="B31" s="19"/>
      <c r="C31" s="15"/>
      <c r="D31" s="15"/>
      <c r="E31" s="15"/>
      <c r="F31" s="15"/>
      <c r="G31" s="15"/>
      <c r="H31" s="16"/>
      <c r="I31" s="283" t="s">
        <v>2</v>
      </c>
      <c r="J31" s="284"/>
      <c r="K31" s="285"/>
      <c r="L31" s="22"/>
      <c r="M31" s="22"/>
    </row>
    <row r="32" spans="1:22" s="17" customFormat="1" ht="34.5" customHeight="1" x14ac:dyDescent="0.15">
      <c r="A32" s="189" t="s">
        <v>268</v>
      </c>
      <c r="B32" s="13"/>
      <c r="C32" s="15"/>
      <c r="D32" s="15"/>
      <c r="E32" s="15"/>
      <c r="F32" s="15"/>
      <c r="G32" s="15"/>
      <c r="H32" s="16"/>
      <c r="I32" s="283" t="s">
        <v>3</v>
      </c>
      <c r="J32" s="284"/>
      <c r="K32" s="285"/>
      <c r="L32" s="21" t="s">
        <v>420</v>
      </c>
      <c r="M32" s="21" t="s">
        <v>420</v>
      </c>
    </row>
    <row r="33" spans="1:22" s="17" customFormat="1" ht="34.5" customHeight="1" x14ac:dyDescent="0.15">
      <c r="A33" s="189" t="s">
        <v>268</v>
      </c>
      <c r="B33" s="13"/>
      <c r="C33" s="15"/>
      <c r="D33" s="15"/>
      <c r="E33" s="15"/>
      <c r="F33" s="15"/>
      <c r="G33" s="15"/>
      <c r="H33" s="16"/>
      <c r="I33" s="364" t="s">
        <v>198</v>
      </c>
      <c r="J33" s="365"/>
      <c r="K33" s="366"/>
      <c r="L33" s="22"/>
      <c r="M33" s="22"/>
    </row>
    <row r="34" spans="1:22" s="17" customFormat="1" ht="34.5" customHeight="1" x14ac:dyDescent="0.15">
      <c r="A34" s="189" t="s">
        <v>268</v>
      </c>
      <c r="B34" s="13"/>
      <c r="C34" s="15"/>
      <c r="D34" s="15"/>
      <c r="E34" s="15"/>
      <c r="F34" s="15"/>
      <c r="G34" s="15"/>
      <c r="H34" s="16"/>
      <c r="I34" s="364" t="s">
        <v>197</v>
      </c>
      <c r="J34" s="365"/>
      <c r="K34" s="366"/>
      <c r="L34" s="22"/>
      <c r="M34" s="22"/>
    </row>
    <row r="35" spans="1:22" s="25" customFormat="1" ht="34.5" customHeight="1" x14ac:dyDescent="0.15">
      <c r="A35" s="189" t="s">
        <v>268</v>
      </c>
      <c r="B35" s="13"/>
      <c r="C35" s="15"/>
      <c r="D35" s="15"/>
      <c r="E35" s="15"/>
      <c r="F35" s="15"/>
      <c r="G35" s="15"/>
      <c r="H35" s="16"/>
      <c r="I35" s="364" t="s">
        <v>4</v>
      </c>
      <c r="J35" s="365"/>
      <c r="K35" s="366"/>
      <c r="L35" s="22"/>
      <c r="M35" s="22"/>
    </row>
    <row r="36" spans="1:22" s="17" customFormat="1" ht="34.5" customHeight="1" x14ac:dyDescent="0.15">
      <c r="A36" s="189" t="s">
        <v>268</v>
      </c>
      <c r="B36" s="13"/>
      <c r="C36" s="15"/>
      <c r="D36" s="15"/>
      <c r="E36" s="15"/>
      <c r="F36" s="15"/>
      <c r="G36" s="15"/>
      <c r="H36" s="16"/>
      <c r="I36" s="367" t="s">
        <v>196</v>
      </c>
      <c r="J36" s="367"/>
      <c r="K36" s="367"/>
      <c r="L36" s="22"/>
      <c r="M36" s="22"/>
    </row>
    <row r="37" spans="1:22" s="17" customFormat="1" x14ac:dyDescent="0.15">
      <c r="A37" s="188"/>
      <c r="B37" s="13"/>
      <c r="C37" s="2"/>
      <c r="D37" s="2"/>
      <c r="E37" s="3"/>
      <c r="F37" s="2"/>
      <c r="G37" s="26"/>
      <c r="H37" s="4"/>
      <c r="I37" s="4"/>
      <c r="J37" s="5"/>
      <c r="K37" s="24"/>
      <c r="L37" s="7"/>
      <c r="M37" s="7"/>
    </row>
    <row r="38" spans="1:22" s="17" customFormat="1" x14ac:dyDescent="0.15">
      <c r="A38" s="188"/>
      <c r="B38" s="13"/>
      <c r="C38" s="2"/>
      <c r="D38" s="2"/>
      <c r="E38" s="3"/>
      <c r="F38" s="2"/>
      <c r="G38" s="26"/>
      <c r="H38" s="4"/>
      <c r="I38" s="4"/>
      <c r="J38" s="5"/>
      <c r="K38" s="24"/>
      <c r="L38" s="7"/>
      <c r="M38" s="7"/>
    </row>
    <row r="39" spans="1:22" s="17" customFormat="1" x14ac:dyDescent="0.15">
      <c r="A39" s="188"/>
      <c r="B39" s="181" t="s">
        <v>255</v>
      </c>
      <c r="C39" s="15"/>
      <c r="D39" s="15"/>
      <c r="E39" s="15"/>
      <c r="F39" s="15"/>
      <c r="G39" s="15"/>
      <c r="H39" s="16"/>
      <c r="I39" s="16"/>
      <c r="J39" s="5"/>
      <c r="K39" s="24"/>
      <c r="L39" s="7"/>
      <c r="M39" s="7"/>
    </row>
    <row r="40" spans="1:22" s="17" customFormat="1" x14ac:dyDescent="0.15">
      <c r="A40" s="188"/>
      <c r="B40" s="14"/>
      <c r="C40" s="14"/>
      <c r="D40" s="14"/>
      <c r="E40" s="14"/>
      <c r="F40" s="14"/>
      <c r="G40" s="14"/>
      <c r="H40" s="10"/>
      <c r="I40" s="10"/>
      <c r="J40" s="5"/>
      <c r="K40" s="24"/>
      <c r="L40" s="185"/>
      <c r="M40" s="185"/>
    </row>
    <row r="41" spans="1:22" s="17" customFormat="1" x14ac:dyDescent="0.15">
      <c r="A41" s="188"/>
      <c r="B41" s="18"/>
      <c r="C41" s="15"/>
      <c r="D41" s="15"/>
      <c r="E41" s="15"/>
      <c r="F41" s="15"/>
      <c r="G41" s="15"/>
      <c r="H41" s="16"/>
      <c r="I41" s="280" t="s">
        <v>254</v>
      </c>
      <c r="J41" s="281"/>
      <c r="K41" s="282"/>
      <c r="L41" s="218" t="s">
        <v>431</v>
      </c>
      <c r="M41" s="223" t="s">
        <v>434</v>
      </c>
    </row>
    <row r="42" spans="1:22" s="17" customFormat="1" ht="34.5" customHeight="1" x14ac:dyDescent="0.15">
      <c r="A42" s="189" t="s">
        <v>269</v>
      </c>
      <c r="B42" s="13"/>
      <c r="C42" s="15"/>
      <c r="D42" s="15"/>
      <c r="E42" s="15"/>
      <c r="F42" s="15"/>
      <c r="G42" s="15"/>
      <c r="H42" s="16"/>
      <c r="I42" s="283" t="s">
        <v>5</v>
      </c>
      <c r="J42" s="284"/>
      <c r="K42" s="285"/>
      <c r="L42" s="20"/>
      <c r="M42" s="20"/>
    </row>
    <row r="43" spans="1:22" s="17" customFormat="1" ht="34.5" customHeight="1" x14ac:dyDescent="0.15">
      <c r="A43" s="189" t="s">
        <v>269</v>
      </c>
      <c r="B43" s="19"/>
      <c r="C43" s="15"/>
      <c r="D43" s="15"/>
      <c r="E43" s="15"/>
      <c r="F43" s="15"/>
      <c r="G43" s="15"/>
      <c r="H43" s="16"/>
      <c r="I43" s="283" t="s">
        <v>6</v>
      </c>
      <c r="J43" s="284"/>
      <c r="K43" s="285"/>
      <c r="L43" s="20"/>
      <c r="M43" s="20"/>
    </row>
    <row r="44" spans="1:22" s="17" customFormat="1" ht="34.5" customHeight="1" x14ac:dyDescent="0.15">
      <c r="A44" s="189" t="s">
        <v>269</v>
      </c>
      <c r="B44" s="19"/>
      <c r="C44" s="15"/>
      <c r="D44" s="15"/>
      <c r="E44" s="15"/>
      <c r="F44" s="15"/>
      <c r="G44" s="15"/>
      <c r="H44" s="16"/>
      <c r="I44" s="283" t="s">
        <v>7</v>
      </c>
      <c r="J44" s="284"/>
      <c r="K44" s="285"/>
      <c r="L44" s="204"/>
      <c r="M44" s="204"/>
    </row>
    <row r="45" spans="1:22" s="17" customFormat="1" ht="34.5" customHeight="1" x14ac:dyDescent="0.15">
      <c r="A45" s="189" t="s">
        <v>269</v>
      </c>
      <c r="B45" s="13"/>
      <c r="C45" s="15"/>
      <c r="D45" s="15"/>
      <c r="E45" s="15"/>
      <c r="F45" s="15"/>
      <c r="G45" s="15"/>
      <c r="H45" s="16"/>
      <c r="I45" s="283" t="s">
        <v>8</v>
      </c>
      <c r="J45" s="284"/>
      <c r="K45" s="285"/>
      <c r="L45" s="20"/>
      <c r="M45" s="20"/>
    </row>
    <row r="46" spans="1:22" s="17" customFormat="1" x14ac:dyDescent="0.15">
      <c r="A46" s="188"/>
      <c r="B46" s="13"/>
      <c r="C46" s="2"/>
      <c r="D46" s="2"/>
      <c r="E46" s="3"/>
      <c r="F46" s="2"/>
      <c r="G46" s="23"/>
      <c r="H46" s="4"/>
      <c r="I46" s="4"/>
      <c r="J46" s="5"/>
      <c r="K46" s="24"/>
      <c r="L46" s="7"/>
      <c r="M46" s="7"/>
    </row>
    <row r="47" spans="1:22" x14ac:dyDescent="0.15">
      <c r="A47" s="188"/>
      <c r="B47" s="13"/>
      <c r="K47" s="24"/>
      <c r="L47" s="7"/>
      <c r="M47" s="7"/>
      <c r="N47" s="8"/>
      <c r="O47" s="8"/>
      <c r="P47" s="8"/>
      <c r="Q47" s="8"/>
      <c r="R47" s="8"/>
      <c r="S47" s="8"/>
      <c r="T47" s="8"/>
      <c r="U47" s="8"/>
      <c r="V47" s="8"/>
    </row>
    <row r="48" spans="1:22" s="17" customFormat="1" x14ac:dyDescent="0.15">
      <c r="A48" s="188"/>
      <c r="B48" s="181" t="s">
        <v>270</v>
      </c>
      <c r="C48" s="15"/>
      <c r="D48" s="15"/>
      <c r="E48" s="15"/>
      <c r="F48" s="15"/>
      <c r="G48" s="15"/>
      <c r="H48" s="16"/>
      <c r="I48" s="16"/>
      <c r="J48" s="5"/>
      <c r="K48" s="24"/>
      <c r="L48" s="7"/>
      <c r="M48" s="7"/>
    </row>
    <row r="49" spans="1:13" s="17" customFormat="1" x14ac:dyDescent="0.15">
      <c r="A49" s="188"/>
      <c r="B49" s="14"/>
      <c r="C49" s="14"/>
      <c r="D49" s="14"/>
      <c r="E49" s="14"/>
      <c r="F49" s="14"/>
      <c r="G49" s="14"/>
      <c r="H49" s="10"/>
      <c r="I49" s="10"/>
      <c r="J49" s="5"/>
      <c r="K49" s="24"/>
      <c r="L49" s="185"/>
      <c r="M49" s="185"/>
    </row>
    <row r="50" spans="1:13" s="17" customFormat="1" x14ac:dyDescent="0.15">
      <c r="A50" s="188"/>
      <c r="B50" s="18"/>
      <c r="C50" s="15"/>
      <c r="D50" s="15"/>
      <c r="E50" s="15"/>
      <c r="F50" s="15"/>
      <c r="G50" s="15"/>
      <c r="H50" s="215"/>
      <c r="I50" s="368" t="s">
        <v>253</v>
      </c>
      <c r="J50" s="369"/>
      <c r="K50" s="370"/>
      <c r="L50" s="218" t="s">
        <v>431</v>
      </c>
      <c r="M50" s="223" t="s">
        <v>434</v>
      </c>
    </row>
    <row r="51" spans="1:13" s="17" customFormat="1" ht="34.5" customHeight="1" x14ac:dyDescent="0.15">
      <c r="A51" s="219" t="s">
        <v>271</v>
      </c>
      <c r="B51" s="13"/>
      <c r="C51" s="15"/>
      <c r="D51" s="15"/>
      <c r="E51" s="15"/>
      <c r="F51" s="15"/>
      <c r="G51" s="15"/>
      <c r="H51" s="16"/>
      <c r="I51" s="364" t="s">
        <v>0</v>
      </c>
      <c r="J51" s="365"/>
      <c r="K51" s="366"/>
      <c r="L51" s="20"/>
      <c r="M51" s="20"/>
    </row>
    <row r="52" spans="1:13" s="17" customFormat="1" ht="34.5" customHeight="1" x14ac:dyDescent="0.15">
      <c r="A52" s="219" t="s">
        <v>271</v>
      </c>
      <c r="B52" s="19"/>
      <c r="C52" s="15"/>
      <c r="D52" s="15"/>
      <c r="E52" s="15"/>
      <c r="F52" s="15"/>
      <c r="G52" s="15"/>
      <c r="H52" s="16"/>
      <c r="I52" s="364" t="s">
        <v>1</v>
      </c>
      <c r="J52" s="365"/>
      <c r="K52" s="366"/>
      <c r="L52" s="20"/>
      <c r="M52" s="20"/>
    </row>
    <row r="53" spans="1:13" s="17" customFormat="1" ht="34.5" customHeight="1" x14ac:dyDescent="0.15">
      <c r="A53" s="219" t="s">
        <v>271</v>
      </c>
      <c r="B53" s="19"/>
      <c r="C53" s="15"/>
      <c r="D53" s="15"/>
      <c r="E53" s="15"/>
      <c r="F53" s="15"/>
      <c r="G53" s="15"/>
      <c r="H53" s="16"/>
      <c r="I53" s="364" t="s">
        <v>2</v>
      </c>
      <c r="J53" s="365"/>
      <c r="K53" s="366"/>
      <c r="L53" s="22"/>
      <c r="M53" s="22"/>
    </row>
    <row r="54" spans="1:13" s="17" customFormat="1" ht="34.5" customHeight="1" x14ac:dyDescent="0.15">
      <c r="A54" s="219" t="s">
        <v>271</v>
      </c>
      <c r="B54" s="13"/>
      <c r="C54" s="15"/>
      <c r="D54" s="15"/>
      <c r="E54" s="15"/>
      <c r="F54" s="15"/>
      <c r="G54" s="15"/>
      <c r="H54" s="16"/>
      <c r="I54" s="364" t="s">
        <v>3</v>
      </c>
      <c r="J54" s="365"/>
      <c r="K54" s="366"/>
      <c r="L54" s="21"/>
      <c r="M54" s="21"/>
    </row>
    <row r="55" spans="1:13" s="17" customFormat="1" ht="34.5" customHeight="1" x14ac:dyDescent="0.15">
      <c r="A55" s="219" t="s">
        <v>271</v>
      </c>
      <c r="B55" s="13"/>
      <c r="C55" s="15"/>
      <c r="D55" s="15"/>
      <c r="E55" s="15"/>
      <c r="F55" s="15"/>
      <c r="G55" s="15"/>
      <c r="H55" s="16"/>
      <c r="I55" s="364" t="s">
        <v>198</v>
      </c>
      <c r="J55" s="365"/>
      <c r="K55" s="366"/>
      <c r="L55" s="22"/>
      <c r="M55" s="22"/>
    </row>
    <row r="56" spans="1:13" s="17" customFormat="1" ht="34.5" customHeight="1" x14ac:dyDescent="0.15">
      <c r="A56" s="219" t="s">
        <v>271</v>
      </c>
      <c r="B56" s="13"/>
      <c r="C56" s="15"/>
      <c r="D56" s="15"/>
      <c r="E56" s="15"/>
      <c r="F56" s="15"/>
      <c r="G56" s="15"/>
      <c r="H56" s="16"/>
      <c r="I56" s="364" t="s">
        <v>197</v>
      </c>
      <c r="J56" s="365"/>
      <c r="K56" s="366"/>
      <c r="L56" s="22"/>
      <c r="M56" s="22"/>
    </row>
    <row r="57" spans="1:13" s="25" customFormat="1" ht="34.5" customHeight="1" x14ac:dyDescent="0.15">
      <c r="A57" s="219" t="s">
        <v>271</v>
      </c>
      <c r="B57" s="13"/>
      <c r="C57" s="15"/>
      <c r="D57" s="15"/>
      <c r="E57" s="15"/>
      <c r="F57" s="15"/>
      <c r="G57" s="15"/>
      <c r="H57" s="16"/>
      <c r="I57" s="364" t="s">
        <v>4</v>
      </c>
      <c r="J57" s="365"/>
      <c r="K57" s="366"/>
      <c r="L57" s="22"/>
      <c r="M57" s="22"/>
    </row>
    <row r="58" spans="1:13" s="17" customFormat="1" ht="34.5" customHeight="1" x14ac:dyDescent="0.15">
      <c r="A58" s="219" t="s">
        <v>271</v>
      </c>
      <c r="B58" s="13"/>
      <c r="C58" s="15"/>
      <c r="D58" s="15"/>
      <c r="E58" s="15"/>
      <c r="F58" s="15"/>
      <c r="G58" s="15"/>
      <c r="H58" s="16"/>
      <c r="I58" s="367" t="s">
        <v>196</v>
      </c>
      <c r="J58" s="367"/>
      <c r="K58" s="367"/>
      <c r="L58" s="22" t="s">
        <v>420</v>
      </c>
      <c r="M58" s="22" t="s">
        <v>420</v>
      </c>
    </row>
    <row r="59" spans="1:13" s="17" customFormat="1" ht="34.5" customHeight="1" x14ac:dyDescent="0.15">
      <c r="A59" s="219" t="s">
        <v>271</v>
      </c>
      <c r="B59" s="13"/>
      <c r="C59" s="15"/>
      <c r="D59" s="15"/>
      <c r="E59" s="15"/>
      <c r="F59" s="15"/>
      <c r="G59" s="15"/>
      <c r="H59" s="16"/>
      <c r="I59" s="367" t="s">
        <v>245</v>
      </c>
      <c r="J59" s="367"/>
      <c r="K59" s="367"/>
      <c r="L59" s="22" t="s">
        <v>188</v>
      </c>
      <c r="M59" s="22" t="s">
        <v>188</v>
      </c>
    </row>
    <row r="60" spans="1:13" s="17" customFormat="1" x14ac:dyDescent="0.15">
      <c r="A60" s="188"/>
      <c r="B60" s="13"/>
      <c r="C60" s="2"/>
      <c r="D60" s="2"/>
      <c r="E60" s="3"/>
      <c r="F60" s="2"/>
      <c r="G60" s="26"/>
      <c r="H60" s="4"/>
      <c r="I60" s="4"/>
      <c r="J60" s="5"/>
      <c r="K60" s="24"/>
      <c r="L60" s="7"/>
      <c r="M60" s="7"/>
    </row>
    <row r="61" spans="1:13" s="17" customFormat="1" x14ac:dyDescent="0.15">
      <c r="A61" s="188"/>
      <c r="B61" s="13"/>
      <c r="C61" s="2"/>
      <c r="D61" s="2"/>
      <c r="E61" s="3"/>
      <c r="F61" s="2"/>
      <c r="G61" s="26"/>
      <c r="H61" s="4"/>
      <c r="I61" s="4"/>
      <c r="J61" s="5"/>
      <c r="K61" s="24"/>
      <c r="L61" s="7"/>
      <c r="M61" s="7"/>
    </row>
    <row r="62" spans="1:13" s="17" customFormat="1" x14ac:dyDescent="0.15">
      <c r="A62" s="188"/>
      <c r="B62" s="13"/>
      <c r="C62" s="2"/>
      <c r="D62" s="2"/>
      <c r="E62" s="3"/>
      <c r="F62" s="2"/>
      <c r="G62" s="26"/>
      <c r="H62" s="4"/>
      <c r="I62" s="4"/>
      <c r="J62" s="5"/>
      <c r="K62" s="24"/>
      <c r="L62" s="5"/>
      <c r="M62" s="5"/>
    </row>
    <row r="63" spans="1:13" s="17" customFormat="1" x14ac:dyDescent="0.15">
      <c r="A63" s="188"/>
      <c r="B63" s="13"/>
      <c r="C63" s="2"/>
      <c r="D63" s="2"/>
      <c r="E63" s="3"/>
      <c r="F63" s="2"/>
      <c r="G63" s="23"/>
      <c r="H63" s="4"/>
      <c r="I63" s="4"/>
      <c r="J63" s="5"/>
      <c r="K63" s="24"/>
      <c r="L63" s="5"/>
      <c r="M63" s="5"/>
    </row>
    <row r="64" spans="1:13" s="17" customFormat="1" x14ac:dyDescent="0.15">
      <c r="A64" s="188"/>
      <c r="B64" s="14"/>
      <c r="C64" s="27"/>
      <c r="D64" s="27"/>
      <c r="E64" s="27"/>
      <c r="F64" s="27"/>
      <c r="G64" s="27"/>
      <c r="H64" s="16"/>
      <c r="I64" s="16"/>
      <c r="J64" s="5"/>
      <c r="K64" s="24"/>
      <c r="L64" s="5"/>
      <c r="M64" s="5"/>
    </row>
    <row r="65" spans="1:13" s="17" customFormat="1" x14ac:dyDescent="0.15">
      <c r="A65" s="188"/>
      <c r="B65" s="1"/>
      <c r="C65" s="28" t="s">
        <v>9</v>
      </c>
      <c r="D65" s="239"/>
      <c r="E65" s="239"/>
      <c r="F65" s="239"/>
      <c r="G65" s="239"/>
      <c r="H65" s="239"/>
      <c r="I65" s="4"/>
      <c r="J65" s="29"/>
      <c r="K65" s="6"/>
      <c r="L65" s="5"/>
      <c r="M65" s="5"/>
    </row>
    <row r="66" spans="1:13" s="17" customFormat="1" ht="34.5" customHeight="1" x14ac:dyDescent="0.15">
      <c r="A66" s="188"/>
      <c r="B66" s="1"/>
      <c r="C66" s="30"/>
      <c r="D66" s="258" t="s">
        <v>190</v>
      </c>
      <c r="E66" s="258"/>
      <c r="F66" s="258"/>
      <c r="G66" s="258"/>
      <c r="H66" s="258"/>
      <c r="I66" s="258"/>
      <c r="J66" s="258"/>
      <c r="K66" s="258"/>
      <c r="L66" s="258"/>
      <c r="M66" s="31"/>
    </row>
    <row r="67" spans="1:13" s="17" customFormat="1" ht="34.5" customHeight="1" x14ac:dyDescent="0.15">
      <c r="A67" s="188"/>
      <c r="B67" s="1"/>
      <c r="C67" s="33"/>
      <c r="D67" s="259" t="s">
        <v>10</v>
      </c>
      <c r="E67" s="259"/>
      <c r="F67" s="259"/>
      <c r="G67" s="259"/>
      <c r="H67" s="259"/>
      <c r="I67" s="259"/>
      <c r="J67" s="259"/>
      <c r="K67" s="259"/>
      <c r="L67" s="259"/>
      <c r="M67" s="31"/>
    </row>
    <row r="68" spans="1:13" s="17" customFormat="1" ht="34.5" customHeight="1" x14ac:dyDescent="0.15">
      <c r="A68" s="188"/>
      <c r="B68" s="1"/>
      <c r="C68" s="33"/>
      <c r="D68" s="259" t="s">
        <v>11</v>
      </c>
      <c r="E68" s="259"/>
      <c r="F68" s="259"/>
      <c r="G68" s="259"/>
      <c r="H68" s="259"/>
      <c r="I68" s="259"/>
      <c r="J68" s="259"/>
      <c r="K68" s="259"/>
      <c r="L68" s="259"/>
      <c r="M68" s="31"/>
    </row>
    <row r="69" spans="1:13" s="17" customFormat="1" ht="34.5" customHeight="1" x14ac:dyDescent="0.15">
      <c r="A69" s="188"/>
      <c r="B69" s="1"/>
      <c r="C69" s="33"/>
      <c r="D69" s="259" t="s">
        <v>12</v>
      </c>
      <c r="E69" s="259"/>
      <c r="F69" s="259"/>
      <c r="G69" s="259"/>
      <c r="H69" s="259"/>
      <c r="I69" s="259"/>
      <c r="J69" s="259"/>
      <c r="K69" s="259"/>
      <c r="L69" s="259"/>
      <c r="M69" s="31"/>
    </row>
    <row r="70" spans="1:13" s="17" customFormat="1" ht="34.5" customHeight="1" x14ac:dyDescent="0.15">
      <c r="A70" s="188"/>
      <c r="B70" s="1"/>
      <c r="C70" s="33"/>
      <c r="D70" s="259" t="s">
        <v>13</v>
      </c>
      <c r="E70" s="259"/>
      <c r="F70" s="259"/>
      <c r="G70" s="259"/>
      <c r="H70" s="259"/>
      <c r="I70" s="259"/>
      <c r="J70" s="259"/>
      <c r="K70" s="259"/>
      <c r="L70" s="259"/>
      <c r="M70" s="31"/>
    </row>
    <row r="71" spans="1:13" s="17" customFormat="1" x14ac:dyDescent="0.15">
      <c r="A71" s="188"/>
      <c r="B71" s="14"/>
      <c r="C71" s="27"/>
      <c r="D71" s="27"/>
      <c r="E71" s="27"/>
      <c r="F71" s="27"/>
      <c r="G71" s="27"/>
      <c r="H71" s="16"/>
      <c r="I71" s="16"/>
      <c r="J71" s="5"/>
      <c r="K71" s="6"/>
      <c r="L71" s="5"/>
      <c r="M71" s="5"/>
    </row>
    <row r="72" spans="1:13" s="38" customFormat="1" x14ac:dyDescent="0.15">
      <c r="A72" s="190"/>
      <c r="B72" s="14"/>
      <c r="C72" s="34" t="s">
        <v>191</v>
      </c>
      <c r="F72" s="36"/>
      <c r="G72" s="34"/>
      <c r="H72" s="35" t="s">
        <v>192</v>
      </c>
      <c r="I72" s="35"/>
      <c r="J72" s="35" t="s">
        <v>193</v>
      </c>
      <c r="K72" s="37"/>
      <c r="L72" s="35"/>
      <c r="M72" s="36"/>
    </row>
    <row r="73" spans="1:13" s="17" customFormat="1" x14ac:dyDescent="0.15">
      <c r="A73" s="188"/>
      <c r="B73" s="1"/>
      <c r="C73" s="39"/>
      <c r="D73" s="27"/>
      <c r="E73" s="27"/>
      <c r="F73" s="27"/>
      <c r="G73" s="27"/>
      <c r="H73" s="16"/>
      <c r="I73" s="239"/>
      <c r="J73" s="5"/>
      <c r="K73" s="6"/>
      <c r="L73" s="40"/>
      <c r="M73" s="224"/>
    </row>
    <row r="74" spans="1:13" s="17" customFormat="1" x14ac:dyDescent="0.15">
      <c r="A74" s="188"/>
      <c r="B74" s="1"/>
      <c r="C74" s="32"/>
      <c r="D74" s="32"/>
      <c r="E74" s="32"/>
      <c r="F74" s="32"/>
      <c r="G74" s="32"/>
      <c r="H74" s="32"/>
      <c r="I74" s="32"/>
      <c r="J74" s="32"/>
      <c r="K74" s="42"/>
      <c r="L74" s="32"/>
      <c r="M74" s="32"/>
    </row>
    <row r="75" spans="1:13" s="17" customFormat="1" x14ac:dyDescent="0.15">
      <c r="A75" s="188"/>
      <c r="B75" s="1"/>
      <c r="C75" s="43"/>
      <c r="D75" s="27"/>
      <c r="E75" s="27"/>
      <c r="F75" s="27"/>
      <c r="G75" s="27"/>
      <c r="H75" s="16"/>
      <c r="I75" s="239"/>
      <c r="J75" s="5"/>
      <c r="K75" s="6"/>
      <c r="L75" s="224"/>
    </row>
    <row r="76" spans="1:13" s="17" customFormat="1" x14ac:dyDescent="0.15">
      <c r="A76" s="188"/>
      <c r="B76" s="1"/>
      <c r="C76" s="43"/>
      <c r="D76" s="27"/>
      <c r="E76" s="27"/>
      <c r="F76" s="27"/>
      <c r="G76" s="27"/>
      <c r="H76" s="16"/>
      <c r="I76" s="239"/>
      <c r="J76" s="5"/>
      <c r="K76" s="6"/>
      <c r="L76" s="224"/>
    </row>
    <row r="77" spans="1:13" s="17" customFormat="1" x14ac:dyDescent="0.15">
      <c r="A77" s="188"/>
      <c r="B77" s="1"/>
      <c r="C77" s="260" t="s">
        <v>14</v>
      </c>
      <c r="D77" s="260"/>
      <c r="E77" s="260"/>
      <c r="F77" s="260"/>
      <c r="G77" s="260"/>
      <c r="H77" s="260" t="s">
        <v>133</v>
      </c>
      <c r="I77" s="260"/>
      <c r="J77" s="260" t="s">
        <v>263</v>
      </c>
      <c r="K77" s="260"/>
      <c r="L77" s="260"/>
      <c r="M77" s="41"/>
    </row>
    <row r="78" spans="1:13" s="17" customFormat="1" x14ac:dyDescent="0.15">
      <c r="A78" s="188"/>
      <c r="B78" s="1"/>
      <c r="C78" s="260" t="s">
        <v>16</v>
      </c>
      <c r="D78" s="260"/>
      <c r="E78" s="260"/>
      <c r="F78" s="260"/>
      <c r="G78" s="260"/>
      <c r="H78" s="260" t="s">
        <v>243</v>
      </c>
      <c r="I78" s="260"/>
      <c r="J78" s="260" t="s">
        <v>244</v>
      </c>
      <c r="K78" s="260"/>
      <c r="L78" s="260"/>
      <c r="M78" s="29"/>
    </row>
    <row r="79" spans="1:13" s="17" customFormat="1" x14ac:dyDescent="0.15">
      <c r="A79" s="188"/>
      <c r="B79" s="1"/>
      <c r="C79" s="260" t="s">
        <v>18</v>
      </c>
      <c r="D79" s="260"/>
      <c r="E79" s="260"/>
      <c r="F79" s="260"/>
      <c r="G79" s="260"/>
      <c r="H79" s="260" t="s">
        <v>134</v>
      </c>
      <c r="I79" s="260"/>
      <c r="J79" s="260" t="s">
        <v>170</v>
      </c>
      <c r="K79" s="260"/>
      <c r="L79" s="260"/>
      <c r="M79" s="41"/>
    </row>
    <row r="80" spans="1:13" s="17" customFormat="1" x14ac:dyDescent="0.15">
      <c r="A80" s="188"/>
      <c r="B80" s="1"/>
      <c r="C80" s="260" t="s">
        <v>20</v>
      </c>
      <c r="D80" s="260"/>
      <c r="E80" s="260"/>
      <c r="F80" s="260"/>
      <c r="G80" s="260"/>
      <c r="H80" s="260" t="s">
        <v>135</v>
      </c>
      <c r="I80" s="260"/>
      <c r="J80" s="260" t="s">
        <v>169</v>
      </c>
      <c r="K80" s="260"/>
      <c r="L80" s="260"/>
      <c r="M80" s="29"/>
    </row>
    <row r="81" spans="1:13" s="17" customFormat="1" x14ac:dyDescent="0.15">
      <c r="A81" s="188"/>
      <c r="B81" s="1"/>
      <c r="C81" s="260" t="s">
        <v>23</v>
      </c>
      <c r="D81" s="260"/>
      <c r="E81" s="260"/>
      <c r="F81" s="260"/>
      <c r="G81" s="260"/>
      <c r="H81" s="239"/>
      <c r="I81" s="239"/>
      <c r="M81" s="29"/>
    </row>
    <row r="82" spans="1:13" s="17" customFormat="1" x14ac:dyDescent="0.15">
      <c r="A82" s="188"/>
      <c r="C82" s="260" t="s">
        <v>25</v>
      </c>
      <c r="D82" s="260"/>
      <c r="E82" s="260"/>
      <c r="F82" s="260"/>
      <c r="G82" s="260"/>
      <c r="J82" s="257"/>
      <c r="K82" s="257"/>
      <c r="L82" s="257"/>
      <c r="M82" s="7"/>
    </row>
    <row r="83" spans="1:13" s="17" customFormat="1" x14ac:dyDescent="0.15">
      <c r="A83" s="188"/>
      <c r="B83" s="1"/>
      <c r="C83" s="260" t="s">
        <v>15</v>
      </c>
      <c r="D83" s="260"/>
      <c r="E83" s="260"/>
      <c r="F83" s="260"/>
      <c r="H83"/>
      <c r="I83"/>
      <c r="M83" s="5"/>
    </row>
    <row r="84" spans="1:13" s="17" customFormat="1" x14ac:dyDescent="0.15">
      <c r="A84" s="188"/>
      <c r="B84" s="1"/>
      <c r="C84" s="260" t="s">
        <v>17</v>
      </c>
      <c r="D84" s="260"/>
      <c r="E84" s="260"/>
      <c r="F84" s="260"/>
      <c r="H84" s="239"/>
      <c r="I84" s="239"/>
      <c r="J84" s="257"/>
      <c r="K84" s="257"/>
      <c r="L84" s="257"/>
      <c r="M84" s="5"/>
    </row>
    <row r="85" spans="1:13" s="17" customFormat="1" x14ac:dyDescent="0.15">
      <c r="A85" s="188"/>
      <c r="B85" s="1"/>
      <c r="C85" s="260" t="s">
        <v>19</v>
      </c>
      <c r="D85" s="260"/>
      <c r="E85" s="260"/>
      <c r="F85" s="260"/>
      <c r="G85" s="239"/>
      <c r="H85" s="239"/>
      <c r="I85" s="239"/>
      <c r="J85" s="257"/>
      <c r="K85" s="257"/>
      <c r="L85" s="257"/>
      <c r="M85" s="5"/>
    </row>
    <row r="86" spans="1:13" s="17" customFormat="1" x14ac:dyDescent="0.15">
      <c r="A86" s="188"/>
      <c r="B86" s="1"/>
      <c r="C86" s="260" t="s">
        <v>21</v>
      </c>
      <c r="D86" s="260"/>
      <c r="E86" s="260"/>
      <c r="F86" s="260"/>
      <c r="G86" s="239"/>
      <c r="H86" s="239"/>
      <c r="I86" s="239"/>
      <c r="J86" s="257"/>
      <c r="K86" s="257"/>
      <c r="L86" s="257"/>
      <c r="M86" s="5"/>
    </row>
    <row r="87" spans="1:13" s="17" customFormat="1" x14ac:dyDescent="0.15">
      <c r="A87" s="188"/>
      <c r="B87" s="1"/>
      <c r="C87" s="260" t="s">
        <v>22</v>
      </c>
      <c r="D87" s="260"/>
      <c r="E87" s="260"/>
      <c r="F87" s="260"/>
      <c r="G87" s="239"/>
      <c r="H87" s="239"/>
      <c r="I87" s="239"/>
      <c r="J87" s="43"/>
      <c r="K87" s="44"/>
      <c r="L87" s="5"/>
      <c r="M87" s="5"/>
    </row>
    <row r="88" spans="1:13" s="17" customFormat="1" x14ac:dyDescent="0.15">
      <c r="A88" s="188"/>
      <c r="B88" s="1"/>
      <c r="C88" s="260" t="s">
        <v>24</v>
      </c>
      <c r="D88" s="260"/>
      <c r="E88" s="260"/>
      <c r="F88" s="260"/>
      <c r="G88" s="260"/>
      <c r="H88" s="239"/>
      <c r="I88" s="239"/>
      <c r="J88" s="43"/>
      <c r="K88" s="44"/>
      <c r="L88" s="5"/>
      <c r="M88" s="5"/>
    </row>
    <row r="89" spans="1:13" s="17" customFormat="1" x14ac:dyDescent="0.15">
      <c r="A89" s="188"/>
      <c r="B89" s="1"/>
      <c r="H89" s="239"/>
      <c r="I89" s="239"/>
      <c r="J89" s="43"/>
      <c r="K89" s="44"/>
      <c r="L89" s="5"/>
      <c r="M89" s="5"/>
    </row>
    <row r="90" spans="1:13" s="17" customFormat="1" x14ac:dyDescent="0.15">
      <c r="A90" s="188"/>
      <c r="B90" s="1"/>
      <c r="C90" s="32"/>
      <c r="D90" s="32"/>
      <c r="E90" s="32"/>
      <c r="F90" s="32"/>
      <c r="G90" s="32"/>
      <c r="H90" s="32"/>
      <c r="I90" s="32"/>
      <c r="J90" s="32"/>
      <c r="K90" s="42"/>
      <c r="L90" s="32"/>
      <c r="M90" s="32"/>
    </row>
    <row r="91" spans="1:13" s="17" customFormat="1" ht="19.5" x14ac:dyDescent="0.15">
      <c r="A91" s="188"/>
      <c r="B91" s="45" t="s">
        <v>26</v>
      </c>
      <c r="C91" s="46"/>
      <c r="D91" s="47"/>
      <c r="E91" s="47"/>
      <c r="F91" s="47"/>
      <c r="G91" s="47"/>
      <c r="H91" s="48"/>
      <c r="I91" s="48"/>
      <c r="J91" s="49"/>
      <c r="K91" s="49"/>
      <c r="L91" s="49"/>
      <c r="M91" s="49"/>
    </row>
    <row r="92" spans="1:13" s="17" customFormat="1" x14ac:dyDescent="0.15">
      <c r="A92" s="188"/>
      <c r="B92" s="1"/>
      <c r="C92" s="52"/>
      <c r="D92" s="3"/>
      <c r="E92" s="3"/>
      <c r="F92" s="3"/>
      <c r="G92" s="3"/>
      <c r="H92" s="228"/>
      <c r="I92" s="228"/>
      <c r="J92" s="53"/>
      <c r="K92" s="24"/>
      <c r="L92" s="53"/>
      <c r="M92" s="53"/>
    </row>
    <row r="93" spans="1:13" s="17" customFormat="1" x14ac:dyDescent="0.15">
      <c r="A93" s="188"/>
      <c r="B93" s="181" t="s">
        <v>265</v>
      </c>
      <c r="C93" s="52"/>
      <c r="D93" s="3"/>
      <c r="E93" s="3"/>
      <c r="F93" s="3"/>
      <c r="G93" s="3"/>
      <c r="H93" s="228"/>
      <c r="I93" s="228"/>
      <c r="J93" s="53"/>
      <c r="K93" s="53"/>
      <c r="L93" s="53"/>
      <c r="M93" s="53"/>
    </row>
    <row r="94" spans="1:13" s="17" customFormat="1" ht="18.75" customHeight="1" x14ac:dyDescent="0.15">
      <c r="A94" s="188"/>
      <c r="B94" s="14"/>
      <c r="C94" s="52"/>
      <c r="D94" s="3"/>
      <c r="E94" s="3"/>
      <c r="F94" s="3"/>
      <c r="G94" s="3"/>
      <c r="H94" s="228"/>
      <c r="I94" s="228"/>
      <c r="J94" s="49"/>
      <c r="K94" s="49"/>
      <c r="L94" s="185"/>
      <c r="M94" s="185"/>
    </row>
    <row r="95" spans="1:13" s="17" customFormat="1" x14ac:dyDescent="0.15">
      <c r="A95" s="188"/>
      <c r="B95" s="14"/>
      <c r="C95" s="52"/>
      <c r="D95" s="3"/>
      <c r="E95" s="3"/>
      <c r="F95" s="3"/>
      <c r="G95" s="3"/>
      <c r="H95" s="228"/>
      <c r="I95" s="228"/>
      <c r="J95" s="54" t="s">
        <v>27</v>
      </c>
      <c r="K95" s="55"/>
      <c r="L95" s="205" t="s">
        <v>431</v>
      </c>
      <c r="M95" s="205" t="s">
        <v>434</v>
      </c>
    </row>
    <row r="96" spans="1:13" s="17" customFormat="1" x14ac:dyDescent="0.15">
      <c r="A96" s="188"/>
      <c r="B96" s="1"/>
      <c r="C96" s="3"/>
      <c r="D96" s="3"/>
      <c r="E96" s="3"/>
      <c r="F96" s="3"/>
      <c r="G96" s="3"/>
      <c r="H96" s="228"/>
      <c r="I96" s="57" t="s">
        <v>28</v>
      </c>
      <c r="J96" s="58"/>
      <c r="K96" s="59"/>
      <c r="L96" s="205" t="s">
        <v>432</v>
      </c>
      <c r="M96" s="205" t="s">
        <v>432</v>
      </c>
    </row>
    <row r="97" spans="1:22" s="17" customFormat="1" ht="54" customHeight="1" x14ac:dyDescent="0.15">
      <c r="A97" s="189" t="s">
        <v>272</v>
      </c>
      <c r="B97" s="1"/>
      <c r="C97" s="261" t="s">
        <v>29</v>
      </c>
      <c r="D97" s="262"/>
      <c r="E97" s="262"/>
      <c r="F97" s="262"/>
      <c r="G97" s="262"/>
      <c r="H97" s="263"/>
      <c r="I97" s="235" t="s">
        <v>30</v>
      </c>
      <c r="J97" s="203" t="s">
        <v>421</v>
      </c>
      <c r="K97" s="61"/>
      <c r="L97" s="198"/>
      <c r="M97" s="62"/>
    </row>
    <row r="98" spans="1:22" s="17" customFormat="1" ht="19.5" x14ac:dyDescent="0.15">
      <c r="A98" s="188"/>
      <c r="B98" s="63"/>
      <c r="C98" s="52"/>
      <c r="D98" s="3"/>
      <c r="E98" s="3"/>
      <c r="F98" s="3"/>
      <c r="G98" s="3"/>
      <c r="H98" s="228"/>
      <c r="I98" s="228"/>
      <c r="J98" s="53"/>
      <c r="K98" s="53"/>
      <c r="L98" s="51"/>
      <c r="M98" s="51"/>
    </row>
    <row r="99" spans="1:22" s="17" customFormat="1" ht="19.5" x14ac:dyDescent="0.15">
      <c r="A99" s="188"/>
      <c r="B99" s="63"/>
      <c r="C99" s="52"/>
      <c r="D99" s="3"/>
      <c r="E99" s="3"/>
      <c r="F99" s="3"/>
      <c r="G99" s="3"/>
      <c r="H99" s="228"/>
      <c r="I99" s="228"/>
      <c r="J99" s="53"/>
      <c r="K99" s="53"/>
      <c r="L99" s="51"/>
      <c r="M99" s="51"/>
    </row>
    <row r="100" spans="1:22" s="17" customFormat="1" ht="19.5" x14ac:dyDescent="0.15">
      <c r="A100" s="188"/>
      <c r="B100" s="63"/>
      <c r="C100" s="52"/>
      <c r="D100" s="3"/>
      <c r="E100" s="3"/>
      <c r="F100" s="3"/>
      <c r="G100" s="3"/>
      <c r="H100" s="228"/>
      <c r="I100" s="228"/>
      <c r="J100" s="53"/>
      <c r="K100" s="53"/>
      <c r="L100" s="51"/>
      <c r="M100" s="51"/>
    </row>
    <row r="101" spans="1:22" x14ac:dyDescent="0.15">
      <c r="A101" s="188"/>
      <c r="B101" s="14" t="s">
        <v>31</v>
      </c>
      <c r="C101" s="14"/>
      <c r="D101" s="14"/>
      <c r="E101" s="14"/>
      <c r="F101" s="14"/>
      <c r="G101" s="14"/>
      <c r="H101" s="10"/>
      <c r="I101" s="10"/>
      <c r="L101" s="64"/>
      <c r="M101" s="64"/>
      <c r="N101" s="8"/>
      <c r="O101" s="8"/>
      <c r="P101" s="8"/>
      <c r="Q101" s="8"/>
      <c r="R101" s="8"/>
      <c r="S101" s="8"/>
      <c r="T101" s="8"/>
      <c r="U101" s="8"/>
      <c r="V101" s="8"/>
    </row>
    <row r="102" spans="1:22" x14ac:dyDescent="0.15">
      <c r="A102" s="188"/>
      <c r="B102" s="14"/>
      <c r="C102" s="14"/>
      <c r="D102" s="14"/>
      <c r="E102" s="14"/>
      <c r="F102" s="14"/>
      <c r="G102" s="14"/>
      <c r="H102" s="10"/>
      <c r="I102" s="10"/>
      <c r="L102" s="185"/>
      <c r="M102" s="185"/>
      <c r="N102" s="8"/>
      <c r="O102" s="8"/>
      <c r="P102" s="8"/>
      <c r="Q102" s="8"/>
      <c r="R102" s="8"/>
      <c r="S102" s="8"/>
      <c r="T102" s="8"/>
      <c r="U102" s="8"/>
      <c r="V102" s="8"/>
    </row>
    <row r="103" spans="1:22" ht="34.5" customHeight="1" x14ac:dyDescent="0.15">
      <c r="A103" s="188"/>
      <c r="B103" s="14"/>
      <c r="C103" s="3"/>
      <c r="D103" s="3"/>
      <c r="F103" s="3"/>
      <c r="G103" s="3"/>
      <c r="H103" s="228"/>
      <c r="J103" s="65" t="s">
        <v>27</v>
      </c>
      <c r="K103" s="66"/>
      <c r="L103" s="56" t="s">
        <v>431</v>
      </c>
      <c r="M103" s="56" t="s">
        <v>434</v>
      </c>
      <c r="N103" s="8"/>
      <c r="O103" s="8"/>
      <c r="P103" s="8"/>
      <c r="Q103" s="8"/>
      <c r="R103" s="8"/>
      <c r="S103" s="8"/>
      <c r="T103" s="8"/>
      <c r="U103" s="8"/>
      <c r="V103" s="8"/>
    </row>
    <row r="104" spans="1:22" ht="20.25" customHeight="1" x14ac:dyDescent="0.15">
      <c r="A104" s="188"/>
      <c r="B104" s="1"/>
      <c r="C104" s="52"/>
      <c r="D104" s="3"/>
      <c r="F104" s="3"/>
      <c r="G104" s="3"/>
      <c r="H104" s="228"/>
      <c r="I104" s="57" t="s">
        <v>32</v>
      </c>
      <c r="J104" s="58"/>
      <c r="K104" s="67"/>
      <c r="L104" s="60" t="s">
        <v>432</v>
      </c>
      <c r="M104" s="60" t="s">
        <v>432</v>
      </c>
      <c r="N104" s="8"/>
      <c r="O104" s="8"/>
      <c r="P104" s="8"/>
      <c r="Q104" s="8"/>
      <c r="R104" s="8"/>
      <c r="S104" s="8"/>
      <c r="T104" s="8"/>
      <c r="U104" s="8"/>
      <c r="V104" s="8"/>
    </row>
    <row r="105" spans="1:22" s="70" customFormat="1" ht="34.5" customHeight="1" x14ac:dyDescent="0.15">
      <c r="A105" s="189" t="s">
        <v>273</v>
      </c>
      <c r="B105" s="1"/>
      <c r="C105" s="267" t="s">
        <v>33</v>
      </c>
      <c r="D105" s="268"/>
      <c r="E105" s="264" t="s">
        <v>34</v>
      </c>
      <c r="F105" s="265"/>
      <c r="G105" s="265"/>
      <c r="H105" s="266"/>
      <c r="I105" s="293" t="s">
        <v>274</v>
      </c>
      <c r="J105" s="199">
        <f t="shared" ref="J105:J117" si="0">IF(SUM(L105:M105)=0,IF(COUNTIF(L105:M105,"未確認")&gt;0,"未確認",IF(COUNTIF(L105:M105,"~*")&gt;0,"*",SUM(L105:M105))),SUM(L105:M105))</f>
        <v>60</v>
      </c>
      <c r="K105" s="182" t="str">
        <f>IF(OR(COUNTIF(L105:M105,"未確認")&gt;0,COUNTIF(L105:M105,"~*")&gt;0),"※","")</f>
        <v/>
      </c>
      <c r="L105" s="201">
        <v>60</v>
      </c>
      <c r="M105" s="201">
        <v>0</v>
      </c>
    </row>
    <row r="106" spans="1:22" s="70" customFormat="1" ht="34.5" customHeight="1" x14ac:dyDescent="0.15">
      <c r="A106" s="189" t="s">
        <v>275</v>
      </c>
      <c r="B106" s="71"/>
      <c r="C106" s="269"/>
      <c r="D106" s="270"/>
      <c r="E106" s="296"/>
      <c r="F106" s="276"/>
      <c r="G106" s="297" t="s">
        <v>35</v>
      </c>
      <c r="H106" s="298"/>
      <c r="I106" s="294"/>
      <c r="J106" s="199">
        <f t="shared" si="0"/>
        <v>60</v>
      </c>
      <c r="K106" s="182" t="str">
        <f>IF(OR(COUNTIF(L106:M106,"未確認")&gt;0,COUNTIF(L106:M106,"~*")&gt;0),"※","")</f>
        <v/>
      </c>
      <c r="L106" s="201">
        <v>60</v>
      </c>
      <c r="M106" s="201">
        <v>0</v>
      </c>
    </row>
    <row r="107" spans="1:22" s="70" customFormat="1" ht="34.5" customHeight="1" x14ac:dyDescent="0.15">
      <c r="A107" s="189" t="s">
        <v>273</v>
      </c>
      <c r="B107" s="71"/>
      <c r="C107" s="269"/>
      <c r="D107" s="270"/>
      <c r="E107" s="261" t="s">
        <v>36</v>
      </c>
      <c r="F107" s="262"/>
      <c r="G107" s="262"/>
      <c r="H107" s="263"/>
      <c r="I107" s="294"/>
      <c r="J107" s="199">
        <f t="shared" si="0"/>
        <v>60</v>
      </c>
      <c r="K107" s="182" t="str">
        <f>IF(OR(COUNTIF(L107:M107,"未確認")&gt;0,COUNTIF(L107:M107,"~*")&gt;0),"※","")</f>
        <v/>
      </c>
      <c r="L107" s="201">
        <v>60</v>
      </c>
      <c r="M107" s="201">
        <v>0</v>
      </c>
    </row>
    <row r="108" spans="1:22" s="70" customFormat="1" ht="34.5" customHeight="1" x14ac:dyDescent="0.15">
      <c r="A108" s="189" t="s">
        <v>273</v>
      </c>
      <c r="B108" s="71"/>
      <c r="C108" s="271"/>
      <c r="D108" s="272"/>
      <c r="E108" s="299" t="s">
        <v>201</v>
      </c>
      <c r="F108" s="300"/>
      <c r="G108" s="300"/>
      <c r="H108" s="301"/>
      <c r="I108" s="294"/>
      <c r="J108" s="199">
        <f t="shared" si="0"/>
        <v>60</v>
      </c>
      <c r="K108" s="182" t="str">
        <f t="shared" ref="K108:K117" si="1">IF(OR(COUNTIF(L107:M107,"未確認")&gt;0,COUNTIF(L107:M107,"~*")&gt;0),"※","")</f>
        <v/>
      </c>
      <c r="L108" s="201">
        <v>60</v>
      </c>
      <c r="M108" s="201">
        <v>0</v>
      </c>
    </row>
    <row r="109" spans="1:22" s="70" customFormat="1" ht="34.5" customHeight="1" x14ac:dyDescent="0.15">
      <c r="A109" s="189" t="s">
        <v>276</v>
      </c>
      <c r="B109" s="71"/>
      <c r="C109" s="267" t="s">
        <v>37</v>
      </c>
      <c r="D109" s="268"/>
      <c r="E109" s="267" t="s">
        <v>34</v>
      </c>
      <c r="F109" s="273"/>
      <c r="G109" s="273"/>
      <c r="H109" s="268"/>
      <c r="I109" s="294"/>
      <c r="J109" s="199">
        <f t="shared" si="0"/>
        <v>40</v>
      </c>
      <c r="K109" s="182" t="str">
        <f t="shared" si="1"/>
        <v/>
      </c>
      <c r="L109" s="201">
        <v>0</v>
      </c>
      <c r="M109" s="201">
        <v>40</v>
      </c>
    </row>
    <row r="110" spans="1:22" s="70" customFormat="1" ht="34.5" customHeight="1" x14ac:dyDescent="0.15">
      <c r="A110" s="189" t="s">
        <v>277</v>
      </c>
      <c r="B110" s="71"/>
      <c r="C110" s="269"/>
      <c r="D110" s="270"/>
      <c r="E110" s="274"/>
      <c r="F110" s="275"/>
      <c r="G110" s="261" t="s">
        <v>38</v>
      </c>
      <c r="H110" s="263"/>
      <c r="I110" s="294"/>
      <c r="J110" s="199">
        <f t="shared" si="0"/>
        <v>40</v>
      </c>
      <c r="K110" s="182" t="str">
        <f t="shared" si="1"/>
        <v/>
      </c>
      <c r="L110" s="201">
        <v>0</v>
      </c>
      <c r="M110" s="201">
        <v>40</v>
      </c>
    </row>
    <row r="111" spans="1:22" s="70" customFormat="1" ht="34.5" customHeight="1" x14ac:dyDescent="0.15">
      <c r="A111" s="189" t="s">
        <v>278</v>
      </c>
      <c r="B111" s="71"/>
      <c r="C111" s="269"/>
      <c r="D111" s="270"/>
      <c r="E111" s="274"/>
      <c r="F111" s="276"/>
      <c r="G111" s="261" t="s">
        <v>39</v>
      </c>
      <c r="H111" s="263"/>
      <c r="I111" s="294"/>
      <c r="J111" s="199">
        <f t="shared" si="0"/>
        <v>0</v>
      </c>
      <c r="K111" s="182" t="str">
        <f t="shared" si="1"/>
        <v/>
      </c>
      <c r="L111" s="201">
        <v>0</v>
      </c>
      <c r="M111" s="201">
        <v>0</v>
      </c>
    </row>
    <row r="112" spans="1:22" s="70" customFormat="1" ht="34.5" customHeight="1" x14ac:dyDescent="0.15">
      <c r="A112" s="189" t="s">
        <v>276</v>
      </c>
      <c r="B112" s="71"/>
      <c r="C112" s="269"/>
      <c r="D112" s="270"/>
      <c r="E112" s="267" t="s">
        <v>36</v>
      </c>
      <c r="F112" s="273"/>
      <c r="G112" s="273"/>
      <c r="H112" s="268"/>
      <c r="I112" s="294"/>
      <c r="J112" s="199">
        <f t="shared" si="0"/>
        <v>40</v>
      </c>
      <c r="K112" s="182" t="str">
        <f t="shared" si="1"/>
        <v/>
      </c>
      <c r="L112" s="201">
        <v>0</v>
      </c>
      <c r="M112" s="201">
        <v>40</v>
      </c>
    </row>
    <row r="113" spans="1:22" s="70" customFormat="1" ht="34.5" customHeight="1" x14ac:dyDescent="0.15">
      <c r="A113" s="189" t="s">
        <v>277</v>
      </c>
      <c r="B113" s="71"/>
      <c r="C113" s="269"/>
      <c r="D113" s="270"/>
      <c r="E113" s="274"/>
      <c r="F113" s="275"/>
      <c r="G113" s="261" t="s">
        <v>38</v>
      </c>
      <c r="H113" s="263"/>
      <c r="I113" s="294"/>
      <c r="J113" s="199">
        <f t="shared" si="0"/>
        <v>40</v>
      </c>
      <c r="K113" s="182" t="str">
        <f t="shared" si="1"/>
        <v/>
      </c>
      <c r="L113" s="201">
        <v>0</v>
      </c>
      <c r="M113" s="201">
        <v>40</v>
      </c>
    </row>
    <row r="114" spans="1:22" s="70" customFormat="1" ht="34.5" customHeight="1" x14ac:dyDescent="0.15">
      <c r="A114" s="189" t="s">
        <v>278</v>
      </c>
      <c r="B114" s="71"/>
      <c r="C114" s="269"/>
      <c r="D114" s="270"/>
      <c r="E114" s="296"/>
      <c r="F114" s="276"/>
      <c r="G114" s="261" t="s">
        <v>39</v>
      </c>
      <c r="H114" s="263"/>
      <c r="I114" s="294"/>
      <c r="J114" s="199">
        <f t="shared" si="0"/>
        <v>0</v>
      </c>
      <c r="K114" s="182" t="str">
        <f t="shared" si="1"/>
        <v/>
      </c>
      <c r="L114" s="201">
        <v>0</v>
      </c>
      <c r="M114" s="201">
        <v>0</v>
      </c>
    </row>
    <row r="115" spans="1:22" s="70" customFormat="1" ht="34.5" customHeight="1" x14ac:dyDescent="0.15">
      <c r="A115" s="189" t="s">
        <v>276</v>
      </c>
      <c r="B115" s="71"/>
      <c r="C115" s="269"/>
      <c r="D115" s="270"/>
      <c r="E115" s="302" t="s">
        <v>201</v>
      </c>
      <c r="F115" s="303"/>
      <c r="G115" s="303"/>
      <c r="H115" s="304"/>
      <c r="I115" s="294"/>
      <c r="J115" s="199">
        <f t="shared" si="0"/>
        <v>40</v>
      </c>
      <c r="K115" s="182" t="str">
        <f t="shared" si="1"/>
        <v/>
      </c>
      <c r="L115" s="201">
        <v>0</v>
      </c>
      <c r="M115" s="201">
        <v>40</v>
      </c>
    </row>
    <row r="116" spans="1:22" s="70" customFormat="1" ht="34.5" customHeight="1" x14ac:dyDescent="0.15">
      <c r="A116" s="189" t="s">
        <v>277</v>
      </c>
      <c r="B116" s="71"/>
      <c r="C116" s="269"/>
      <c r="D116" s="270"/>
      <c r="E116" s="277"/>
      <c r="F116" s="278"/>
      <c r="G116" s="299" t="s">
        <v>38</v>
      </c>
      <c r="H116" s="301"/>
      <c r="I116" s="294"/>
      <c r="J116" s="199">
        <f t="shared" si="0"/>
        <v>40</v>
      </c>
      <c r="K116" s="182" t="str">
        <f t="shared" si="1"/>
        <v/>
      </c>
      <c r="L116" s="201">
        <v>0</v>
      </c>
      <c r="M116" s="201">
        <v>40</v>
      </c>
    </row>
    <row r="117" spans="1:22" s="70" customFormat="1" ht="34.5" customHeight="1" x14ac:dyDescent="0.15">
      <c r="A117" s="189" t="s">
        <v>278</v>
      </c>
      <c r="B117" s="71"/>
      <c r="C117" s="271"/>
      <c r="D117" s="272"/>
      <c r="E117" s="305"/>
      <c r="F117" s="306"/>
      <c r="G117" s="299" t="s">
        <v>39</v>
      </c>
      <c r="H117" s="301"/>
      <c r="I117" s="294"/>
      <c r="J117" s="199">
        <f t="shared" si="0"/>
        <v>0</v>
      </c>
      <c r="K117" s="182" t="str">
        <f t="shared" si="1"/>
        <v/>
      </c>
      <c r="L117" s="201">
        <v>0</v>
      </c>
      <c r="M117" s="201">
        <v>0</v>
      </c>
    </row>
    <row r="118" spans="1:22" s="70" customFormat="1" ht="315" customHeight="1" x14ac:dyDescent="0.15">
      <c r="A118" s="189" t="s">
        <v>279</v>
      </c>
      <c r="B118" s="71"/>
      <c r="C118" s="297" t="s">
        <v>40</v>
      </c>
      <c r="D118" s="307"/>
      <c r="E118" s="307"/>
      <c r="F118" s="307"/>
      <c r="G118" s="307"/>
      <c r="H118" s="298"/>
      <c r="I118" s="295"/>
      <c r="J118" s="72"/>
      <c r="K118" s="73" t="s">
        <v>189</v>
      </c>
      <c r="L118" s="200" t="s">
        <v>188</v>
      </c>
      <c r="M118" s="200" t="s">
        <v>188</v>
      </c>
    </row>
    <row r="119" spans="1:22" s="77" customFormat="1" x14ac:dyDescent="0.15">
      <c r="A119" s="188"/>
      <c r="B119" s="14"/>
      <c r="C119" s="14"/>
      <c r="D119" s="14"/>
      <c r="E119" s="14"/>
      <c r="F119" s="14"/>
      <c r="G119" s="14"/>
      <c r="H119" s="10"/>
      <c r="I119" s="10"/>
      <c r="J119" s="74"/>
      <c r="K119" s="75"/>
      <c r="L119" s="76"/>
      <c r="M119" s="76"/>
    </row>
    <row r="120" spans="1:22" s="70" customFormat="1" x14ac:dyDescent="0.15">
      <c r="A120" s="188"/>
      <c r="B120" s="71"/>
      <c r="C120" s="52"/>
      <c r="D120" s="52"/>
      <c r="E120" s="52"/>
      <c r="F120" s="52"/>
      <c r="G120" s="52"/>
      <c r="H120" s="78"/>
      <c r="I120" s="78"/>
      <c r="J120" s="74"/>
      <c r="K120" s="75"/>
      <c r="L120" s="76"/>
      <c r="M120" s="76"/>
    </row>
    <row r="121" spans="1:22" s="17" customFormat="1" x14ac:dyDescent="0.15">
      <c r="A121" s="188"/>
      <c r="B121" s="1"/>
      <c r="C121" s="52"/>
      <c r="D121" s="3"/>
      <c r="E121" s="3"/>
      <c r="F121" s="3"/>
      <c r="G121" s="3"/>
      <c r="H121" s="228"/>
      <c r="I121" s="228"/>
      <c r="J121" s="53"/>
      <c r="K121" s="24"/>
      <c r="L121" s="51"/>
      <c r="M121" s="51"/>
    </row>
    <row r="122" spans="1:22" s="77" customFormat="1" x14ac:dyDescent="0.15">
      <c r="A122" s="188"/>
      <c r="B122" s="14" t="s">
        <v>41</v>
      </c>
      <c r="C122" s="14"/>
      <c r="D122" s="14"/>
      <c r="E122" s="14"/>
      <c r="F122" s="14"/>
      <c r="G122" s="14"/>
      <c r="H122" s="10"/>
      <c r="I122" s="10"/>
      <c r="J122" s="74"/>
      <c r="K122" s="75"/>
      <c r="L122" s="76"/>
      <c r="M122" s="76"/>
    </row>
    <row r="123" spans="1:22" x14ac:dyDescent="0.15">
      <c r="A123" s="188"/>
      <c r="B123" s="14"/>
      <c r="C123" s="14"/>
      <c r="D123" s="14"/>
      <c r="E123" s="14"/>
      <c r="F123" s="14"/>
      <c r="G123" s="14"/>
      <c r="H123" s="10"/>
      <c r="I123" s="10"/>
      <c r="L123" s="185"/>
      <c r="M123" s="185"/>
      <c r="N123" s="8"/>
      <c r="O123" s="8"/>
      <c r="P123" s="8"/>
      <c r="Q123" s="8"/>
      <c r="R123" s="8"/>
      <c r="S123" s="8"/>
      <c r="T123" s="8"/>
      <c r="U123" s="8"/>
      <c r="V123" s="8"/>
    </row>
    <row r="124" spans="1:22" ht="34.5" customHeight="1" x14ac:dyDescent="0.15">
      <c r="A124" s="188"/>
      <c r="B124" s="14"/>
      <c r="C124" s="3"/>
      <c r="D124" s="3"/>
      <c r="F124" s="3"/>
      <c r="G124" s="3"/>
      <c r="H124" s="228"/>
      <c r="I124" s="57"/>
      <c r="J124" s="79" t="s">
        <v>27</v>
      </c>
      <c r="K124" s="66"/>
      <c r="L124" s="56"/>
      <c r="M124" s="56"/>
      <c r="N124" s="8"/>
      <c r="O124" s="8"/>
      <c r="P124" s="8"/>
      <c r="Q124" s="8"/>
      <c r="R124" s="8"/>
      <c r="S124" s="8"/>
      <c r="T124" s="8"/>
      <c r="U124" s="8"/>
      <c r="V124" s="8"/>
    </row>
    <row r="125" spans="1:22" ht="20.25" customHeight="1" x14ac:dyDescent="0.15">
      <c r="A125" s="188"/>
      <c r="B125" s="1"/>
      <c r="C125" s="3"/>
      <c r="D125" s="3"/>
      <c r="F125" s="3"/>
      <c r="G125" s="3"/>
      <c r="H125" s="228"/>
      <c r="I125" s="57" t="s">
        <v>32</v>
      </c>
      <c r="J125" s="80"/>
      <c r="K125" s="67"/>
      <c r="L125" s="60" t="s">
        <v>431</v>
      </c>
      <c r="M125" s="60" t="s">
        <v>434</v>
      </c>
      <c r="N125" s="8"/>
      <c r="O125" s="8"/>
      <c r="P125" s="8"/>
      <c r="Q125" s="8"/>
      <c r="R125" s="8"/>
      <c r="S125" s="8"/>
      <c r="T125" s="8"/>
      <c r="U125" s="8"/>
      <c r="V125" s="8"/>
    </row>
    <row r="126" spans="1:22" s="70" customFormat="1" ht="40.5" customHeight="1" x14ac:dyDescent="0.15">
      <c r="A126" s="189" t="s">
        <v>280</v>
      </c>
      <c r="B126" s="1"/>
      <c r="C126" s="267" t="s">
        <v>42</v>
      </c>
      <c r="D126" s="273"/>
      <c r="E126" s="273"/>
      <c r="F126" s="273"/>
      <c r="G126" s="273"/>
      <c r="H126" s="268"/>
      <c r="I126" s="287" t="s">
        <v>281</v>
      </c>
      <c r="J126" s="81"/>
      <c r="K126" s="82"/>
      <c r="L126" s="202" t="s">
        <v>422</v>
      </c>
      <c r="M126" s="83" t="s">
        <v>422</v>
      </c>
    </row>
    <row r="127" spans="1:22" s="70" customFormat="1" ht="40.5" customHeight="1" x14ac:dyDescent="0.15">
      <c r="A127" s="189" t="s">
        <v>282</v>
      </c>
      <c r="B127" s="1"/>
      <c r="C127" s="236"/>
      <c r="D127" s="238"/>
      <c r="E127" s="267" t="s">
        <v>283</v>
      </c>
      <c r="F127" s="273"/>
      <c r="G127" s="273"/>
      <c r="H127" s="268"/>
      <c r="I127" s="288"/>
      <c r="J127" s="84"/>
      <c r="K127" s="85"/>
      <c r="L127" s="83" t="s">
        <v>423</v>
      </c>
      <c r="M127" s="83" t="s">
        <v>423</v>
      </c>
    </row>
    <row r="128" spans="1:22" s="70" customFormat="1" ht="40.5" customHeight="1" x14ac:dyDescent="0.15">
      <c r="A128" s="189" t="s">
        <v>284</v>
      </c>
      <c r="B128" s="1"/>
      <c r="C128" s="236"/>
      <c r="D128" s="238"/>
      <c r="E128" s="269"/>
      <c r="F128" s="290"/>
      <c r="G128" s="290"/>
      <c r="H128" s="270"/>
      <c r="I128" s="288"/>
      <c r="J128" s="84"/>
      <c r="K128" s="85"/>
      <c r="L128" s="83" t="s">
        <v>424</v>
      </c>
      <c r="M128" s="83" t="s">
        <v>424</v>
      </c>
    </row>
    <row r="129" spans="1:22" s="70" customFormat="1" ht="40.5" customHeight="1" x14ac:dyDescent="0.15">
      <c r="A129" s="189" t="s">
        <v>285</v>
      </c>
      <c r="B129" s="1"/>
      <c r="C129" s="230"/>
      <c r="D129" s="231"/>
      <c r="E129" s="271"/>
      <c r="F129" s="291"/>
      <c r="G129" s="291"/>
      <c r="H129" s="272"/>
      <c r="I129" s="289"/>
      <c r="J129" s="86"/>
      <c r="K129" s="87"/>
      <c r="L129" s="83" t="s">
        <v>425</v>
      </c>
      <c r="M129" s="83" t="s">
        <v>425</v>
      </c>
    </row>
    <row r="130" spans="1:22" s="77" customFormat="1" x14ac:dyDescent="0.15">
      <c r="A130" s="188"/>
      <c r="B130" s="14"/>
      <c r="C130" s="14"/>
      <c r="D130" s="14"/>
      <c r="E130" s="14"/>
      <c r="F130" s="14"/>
      <c r="G130" s="14"/>
      <c r="H130" s="10"/>
      <c r="I130" s="10"/>
      <c r="J130" s="74"/>
      <c r="K130" s="75"/>
      <c r="L130" s="76"/>
      <c r="M130" s="76"/>
    </row>
    <row r="131" spans="1:22" s="70" customFormat="1" x14ac:dyDescent="0.15">
      <c r="A131" s="188"/>
      <c r="B131" s="71"/>
      <c r="C131" s="52"/>
      <c r="D131" s="52"/>
      <c r="E131" s="52"/>
      <c r="F131" s="52"/>
      <c r="G131" s="52"/>
      <c r="H131" s="78"/>
      <c r="I131" s="78"/>
      <c r="J131" s="74"/>
      <c r="K131" s="75"/>
      <c r="L131" s="76"/>
      <c r="M131" s="76"/>
    </row>
    <row r="132" spans="1:22" s="17" customFormat="1" x14ac:dyDescent="0.15">
      <c r="A132" s="188"/>
      <c r="B132" s="1"/>
      <c r="C132" s="52"/>
      <c r="D132" s="3"/>
      <c r="E132" s="3"/>
      <c r="F132" s="3"/>
      <c r="G132" s="3"/>
      <c r="H132" s="228"/>
      <c r="I132" s="228"/>
      <c r="J132" s="53"/>
      <c r="K132" s="24"/>
      <c r="L132" s="51"/>
      <c r="M132" s="51"/>
    </row>
    <row r="133" spans="1:22" s="77" customFormat="1" x14ac:dyDescent="0.15">
      <c r="A133" s="220"/>
      <c r="B133" s="14" t="s">
        <v>43</v>
      </c>
      <c r="C133" s="88"/>
      <c r="D133" s="88"/>
      <c r="E133" s="88"/>
      <c r="F133" s="88"/>
      <c r="G133" s="88"/>
      <c r="H133" s="10"/>
      <c r="I133" s="10"/>
      <c r="J133" s="51"/>
      <c r="K133" s="24"/>
      <c r="L133" s="89"/>
      <c r="M133" s="89"/>
    </row>
    <row r="134" spans="1:22" x14ac:dyDescent="0.15">
      <c r="A134" s="188"/>
      <c r="B134" s="14"/>
      <c r="C134" s="14"/>
      <c r="D134" s="14"/>
      <c r="E134" s="14"/>
      <c r="F134" s="14"/>
      <c r="G134" s="14"/>
      <c r="H134" s="10"/>
      <c r="I134" s="10"/>
      <c r="L134" s="185"/>
      <c r="M134" s="185"/>
      <c r="N134" s="8"/>
      <c r="O134" s="8"/>
      <c r="P134" s="8"/>
      <c r="Q134" s="8"/>
      <c r="R134" s="8"/>
      <c r="S134" s="8"/>
      <c r="T134" s="8"/>
      <c r="U134" s="8"/>
      <c r="V134" s="8"/>
    </row>
    <row r="135" spans="1:22" ht="34.5" customHeight="1" x14ac:dyDescent="0.15">
      <c r="A135" s="188"/>
      <c r="B135" s="14"/>
      <c r="C135" s="3"/>
      <c r="D135" s="3"/>
      <c r="F135" s="3"/>
      <c r="G135" s="3"/>
      <c r="H135" s="228"/>
      <c r="I135" s="228"/>
      <c r="J135" s="65" t="s">
        <v>27</v>
      </c>
      <c r="K135" s="66"/>
      <c r="L135" s="56" t="s">
        <v>431</v>
      </c>
      <c r="M135" s="56" t="s">
        <v>434</v>
      </c>
      <c r="N135" s="8"/>
      <c r="O135" s="8"/>
      <c r="P135" s="8"/>
      <c r="Q135" s="8"/>
      <c r="R135" s="8"/>
      <c r="S135" s="8"/>
      <c r="T135" s="8"/>
      <c r="U135" s="8"/>
      <c r="V135" s="8"/>
    </row>
    <row r="136" spans="1:22" ht="20.25" customHeight="1" x14ac:dyDescent="0.15">
      <c r="A136" s="188"/>
      <c r="B136" s="1"/>
      <c r="C136" s="52"/>
      <c r="D136" s="3"/>
      <c r="F136" s="3"/>
      <c r="G136" s="3"/>
      <c r="H136" s="228"/>
      <c r="I136" s="57" t="s">
        <v>28</v>
      </c>
      <c r="J136" s="58"/>
      <c r="K136" s="67"/>
      <c r="L136" s="60" t="s">
        <v>432</v>
      </c>
      <c r="M136" s="60" t="s">
        <v>432</v>
      </c>
      <c r="N136" s="8"/>
      <c r="O136" s="8"/>
      <c r="P136" s="8"/>
      <c r="Q136" s="8"/>
      <c r="R136" s="8"/>
      <c r="S136" s="8"/>
      <c r="T136" s="8"/>
      <c r="U136" s="8"/>
      <c r="V136" s="8"/>
    </row>
    <row r="137" spans="1:22" s="70" customFormat="1" ht="67.5" customHeight="1" x14ac:dyDescent="0.15">
      <c r="A137" s="189" t="s">
        <v>286</v>
      </c>
      <c r="B137" s="1"/>
      <c r="C137" s="267" t="s">
        <v>44</v>
      </c>
      <c r="D137" s="273"/>
      <c r="E137" s="273"/>
      <c r="F137" s="273"/>
      <c r="G137" s="273"/>
      <c r="H137" s="268"/>
      <c r="I137" s="292" t="s">
        <v>287</v>
      </c>
      <c r="J137" s="90"/>
      <c r="K137" s="82"/>
      <c r="L137" s="202" t="s">
        <v>426</v>
      </c>
      <c r="M137" s="83" t="s">
        <v>433</v>
      </c>
    </row>
    <row r="138" spans="1:22" s="70" customFormat="1" ht="34.5" customHeight="1" x14ac:dyDescent="0.15">
      <c r="A138" s="189" t="s">
        <v>286</v>
      </c>
      <c r="B138" s="71"/>
      <c r="C138" s="236"/>
      <c r="D138" s="238"/>
      <c r="E138" s="261" t="s">
        <v>45</v>
      </c>
      <c r="F138" s="262"/>
      <c r="G138" s="262"/>
      <c r="H138" s="263"/>
      <c r="I138" s="292"/>
      <c r="J138" s="84"/>
      <c r="K138" s="85"/>
      <c r="L138" s="69">
        <v>60</v>
      </c>
      <c r="M138" s="69">
        <v>40</v>
      </c>
    </row>
    <row r="139" spans="1:22" s="70" customFormat="1" ht="67.5" customHeight="1" x14ac:dyDescent="0.15">
      <c r="A139" s="189" t="s">
        <v>288</v>
      </c>
      <c r="B139" s="71"/>
      <c r="C139" s="267" t="s">
        <v>46</v>
      </c>
      <c r="D139" s="273"/>
      <c r="E139" s="273"/>
      <c r="F139" s="273"/>
      <c r="G139" s="273"/>
      <c r="H139" s="268"/>
      <c r="I139" s="292"/>
      <c r="J139" s="84"/>
      <c r="K139" s="85"/>
      <c r="L139" s="202" t="s">
        <v>188</v>
      </c>
      <c r="M139" s="83" t="s">
        <v>188</v>
      </c>
    </row>
    <row r="140" spans="1:22" s="70" customFormat="1" ht="34.5" customHeight="1" x14ac:dyDescent="0.15">
      <c r="A140" s="189" t="s">
        <v>288</v>
      </c>
      <c r="B140" s="71"/>
      <c r="C140" s="91"/>
      <c r="D140" s="92"/>
      <c r="E140" s="261" t="s">
        <v>47</v>
      </c>
      <c r="F140" s="262"/>
      <c r="G140" s="262"/>
      <c r="H140" s="263"/>
      <c r="I140" s="292"/>
      <c r="J140" s="84"/>
      <c r="K140" s="85"/>
      <c r="L140" s="69">
        <v>0</v>
      </c>
      <c r="M140" s="69">
        <v>0</v>
      </c>
    </row>
    <row r="141" spans="1:22" s="70" customFormat="1" ht="67.5" customHeight="1" x14ac:dyDescent="0.15">
      <c r="A141" s="189" t="s">
        <v>289</v>
      </c>
      <c r="B141" s="71"/>
      <c r="C141" s="267" t="s">
        <v>46</v>
      </c>
      <c r="D141" s="273"/>
      <c r="E141" s="273"/>
      <c r="F141" s="273"/>
      <c r="G141" s="273"/>
      <c r="H141" s="268"/>
      <c r="I141" s="292"/>
      <c r="J141" s="84"/>
      <c r="K141" s="85"/>
      <c r="L141" s="202" t="s">
        <v>188</v>
      </c>
      <c r="M141" s="83" t="s">
        <v>188</v>
      </c>
    </row>
    <row r="142" spans="1:22" s="70" customFormat="1" ht="34.5" customHeight="1" x14ac:dyDescent="0.15">
      <c r="A142" s="189" t="s">
        <v>289</v>
      </c>
      <c r="B142" s="71"/>
      <c r="C142" s="93"/>
      <c r="D142" s="94"/>
      <c r="E142" s="261" t="s">
        <v>47</v>
      </c>
      <c r="F142" s="262"/>
      <c r="G142" s="262"/>
      <c r="H142" s="263"/>
      <c r="I142" s="292"/>
      <c r="J142" s="84"/>
      <c r="K142" s="85"/>
      <c r="L142" s="69">
        <v>0</v>
      </c>
      <c r="M142" s="69">
        <v>0</v>
      </c>
    </row>
    <row r="143" spans="1:22" s="70" customFormat="1" ht="34.5" customHeight="1" x14ac:dyDescent="0.15">
      <c r="A143" s="189" t="s">
        <v>290</v>
      </c>
      <c r="B143" s="71"/>
      <c r="C143" s="299" t="s">
        <v>256</v>
      </c>
      <c r="D143" s="300"/>
      <c r="E143" s="300"/>
      <c r="F143" s="300"/>
      <c r="G143" s="300"/>
      <c r="H143" s="301"/>
      <c r="I143" s="292"/>
      <c r="J143" s="86"/>
      <c r="K143" s="87"/>
      <c r="L143" s="69">
        <v>0</v>
      </c>
      <c r="M143" s="69">
        <v>0</v>
      </c>
    </row>
    <row r="144" spans="1:22" s="77" customFormat="1" x14ac:dyDescent="0.15">
      <c r="A144" s="188"/>
      <c r="B144" s="14"/>
      <c r="C144" s="14"/>
      <c r="D144" s="14"/>
      <c r="E144" s="14"/>
      <c r="F144" s="14"/>
      <c r="G144" s="14"/>
      <c r="H144" s="10"/>
      <c r="I144" s="10"/>
      <c r="J144" s="74"/>
      <c r="K144" s="75"/>
      <c r="L144" s="76"/>
      <c r="M144" s="76"/>
    </row>
    <row r="145" spans="1:22" s="77" customFormat="1" x14ac:dyDescent="0.15">
      <c r="A145" s="188"/>
      <c r="B145" s="14"/>
      <c r="C145" s="14"/>
      <c r="D145" s="14"/>
      <c r="E145" s="14"/>
      <c r="F145" s="14"/>
      <c r="G145" s="14"/>
      <c r="H145" s="10"/>
      <c r="I145" s="10"/>
      <c r="J145" s="74"/>
      <c r="K145" s="75"/>
      <c r="L145" s="76"/>
      <c r="M145" s="76"/>
    </row>
    <row r="146" spans="1:22" s="95" customFormat="1" x14ac:dyDescent="0.15">
      <c r="A146" s="188"/>
      <c r="C146" s="3"/>
      <c r="D146" s="3"/>
      <c r="E146" s="3"/>
      <c r="F146" s="3"/>
      <c r="G146" s="3"/>
      <c r="H146" s="228"/>
      <c r="I146" s="228"/>
      <c r="J146" s="51"/>
      <c r="K146" s="24"/>
      <c r="L146" s="89"/>
      <c r="M146" s="89"/>
    </row>
    <row r="147" spans="1:22" s="1" customFormat="1" x14ac:dyDescent="0.15">
      <c r="A147" s="188"/>
      <c r="B147" s="14" t="s">
        <v>48</v>
      </c>
      <c r="C147" s="14"/>
      <c r="D147" s="14"/>
      <c r="E147" s="14"/>
      <c r="F147" s="14"/>
      <c r="G147" s="14"/>
      <c r="H147" s="10"/>
      <c r="I147" s="10"/>
      <c r="J147" s="51"/>
      <c r="K147" s="24"/>
      <c r="L147" s="89"/>
      <c r="M147" s="89"/>
    </row>
    <row r="148" spans="1:22" x14ac:dyDescent="0.15">
      <c r="A148" s="188"/>
      <c r="B148" s="14"/>
      <c r="C148" s="14"/>
      <c r="D148" s="14"/>
      <c r="E148" s="14"/>
      <c r="F148" s="14"/>
      <c r="G148" s="14"/>
      <c r="H148" s="10"/>
      <c r="I148" s="10"/>
      <c r="L148" s="185"/>
      <c r="M148" s="185"/>
      <c r="N148" s="8"/>
      <c r="O148" s="8"/>
      <c r="P148" s="8"/>
      <c r="Q148" s="8"/>
      <c r="R148" s="8"/>
      <c r="S148" s="8"/>
      <c r="T148" s="8"/>
      <c r="U148" s="8"/>
      <c r="V148" s="8"/>
    </row>
    <row r="149" spans="1:22" ht="34.5" customHeight="1" x14ac:dyDescent="0.15">
      <c r="A149" s="188"/>
      <c r="B149" s="14"/>
      <c r="C149" s="3"/>
      <c r="D149" s="3"/>
      <c r="F149" s="3"/>
      <c r="G149" s="3"/>
      <c r="H149" s="228"/>
      <c r="I149" s="228"/>
      <c r="J149" s="65" t="s">
        <v>27</v>
      </c>
      <c r="K149" s="66"/>
      <c r="L149" s="56" t="s">
        <v>431</v>
      </c>
      <c r="M149" s="56" t="s">
        <v>434</v>
      </c>
      <c r="N149" s="8"/>
      <c r="O149" s="8"/>
      <c r="P149" s="8"/>
      <c r="Q149" s="8"/>
      <c r="R149" s="8"/>
      <c r="S149" s="8"/>
      <c r="T149" s="8"/>
      <c r="U149" s="8"/>
      <c r="V149" s="8"/>
    </row>
    <row r="150" spans="1:22" ht="20.25" customHeight="1" x14ac:dyDescent="0.15">
      <c r="A150" s="188"/>
      <c r="B150" s="1"/>
      <c r="C150" s="3"/>
      <c r="D150" s="3"/>
      <c r="F150" s="3"/>
      <c r="G150" s="3"/>
      <c r="H150" s="228"/>
      <c r="I150" s="57" t="s">
        <v>28</v>
      </c>
      <c r="J150" s="58"/>
      <c r="K150" s="67"/>
      <c r="L150" s="60" t="s">
        <v>432</v>
      </c>
      <c r="M150" s="60" t="s">
        <v>432</v>
      </c>
      <c r="N150" s="8"/>
      <c r="O150" s="8"/>
      <c r="P150" s="8"/>
      <c r="Q150" s="8"/>
      <c r="R150" s="8"/>
      <c r="S150" s="8"/>
      <c r="T150" s="8"/>
      <c r="U150" s="8"/>
      <c r="V150" s="8"/>
    </row>
    <row r="151" spans="1:22" s="70" customFormat="1" ht="106.5" customHeight="1" x14ac:dyDescent="0.15">
      <c r="A151" s="189" t="s">
        <v>291</v>
      </c>
      <c r="B151" s="1"/>
      <c r="C151" s="261" t="s">
        <v>48</v>
      </c>
      <c r="D151" s="262"/>
      <c r="E151" s="262"/>
      <c r="F151" s="262"/>
      <c r="G151" s="262"/>
      <c r="H151" s="263"/>
      <c r="I151" s="101" t="s">
        <v>292</v>
      </c>
      <c r="J151" s="102" t="s">
        <v>427</v>
      </c>
      <c r="K151" s="68"/>
      <c r="L151" s="206"/>
      <c r="M151" s="103"/>
    </row>
    <row r="152" spans="1:22" s="77" customFormat="1" x14ac:dyDescent="0.15">
      <c r="A152" s="188"/>
      <c r="B152" s="14"/>
      <c r="C152" s="14"/>
      <c r="D152" s="14"/>
      <c r="E152" s="14"/>
      <c r="F152" s="14"/>
      <c r="G152" s="14"/>
      <c r="H152" s="10"/>
      <c r="I152" s="10"/>
      <c r="J152" s="74"/>
      <c r="K152" s="75"/>
      <c r="L152" s="89"/>
      <c r="M152" s="89"/>
    </row>
    <row r="153" spans="1:22" s="70" customFormat="1" x14ac:dyDescent="0.15">
      <c r="A153" s="188"/>
      <c r="B153" s="71"/>
      <c r="C153" s="52"/>
      <c r="D153" s="52"/>
      <c r="E153" s="52"/>
      <c r="F153" s="52"/>
      <c r="G153" s="52"/>
      <c r="H153" s="78"/>
      <c r="I153" s="78"/>
      <c r="J153" s="74"/>
      <c r="K153" s="75"/>
      <c r="L153" s="89"/>
      <c r="M153" s="89"/>
    </row>
    <row r="154" spans="1:22" s="77" customFormat="1" x14ac:dyDescent="0.15">
      <c r="A154" s="188"/>
      <c r="B154" s="1"/>
      <c r="C154" s="3"/>
      <c r="D154" s="3"/>
      <c r="E154" s="3"/>
      <c r="F154" s="3"/>
      <c r="G154" s="3"/>
      <c r="H154" s="228"/>
      <c r="I154" s="228"/>
      <c r="J154" s="104"/>
      <c r="K154" s="24"/>
      <c r="L154" s="89"/>
      <c r="M154" s="89"/>
    </row>
    <row r="155" spans="1:22" s="77" customFormat="1" x14ac:dyDescent="0.15">
      <c r="A155" s="216"/>
      <c r="B155" s="14" t="s">
        <v>49</v>
      </c>
      <c r="C155" s="88"/>
      <c r="D155" s="88"/>
      <c r="E155" s="88"/>
      <c r="F155" s="88"/>
      <c r="G155" s="88"/>
      <c r="H155" s="10"/>
      <c r="I155" s="10"/>
      <c r="J155" s="51"/>
      <c r="K155" s="24"/>
      <c r="L155" s="89"/>
      <c r="M155" s="89"/>
    </row>
    <row r="156" spans="1:22" x14ac:dyDescent="0.15">
      <c r="A156" s="188"/>
      <c r="B156" s="14"/>
      <c r="C156" s="14"/>
      <c r="D156" s="14"/>
      <c r="E156" s="14"/>
      <c r="F156" s="14"/>
      <c r="G156" s="14"/>
      <c r="H156" s="10"/>
      <c r="I156" s="10"/>
      <c r="L156" s="185"/>
      <c r="M156" s="185"/>
      <c r="N156" s="8"/>
      <c r="O156" s="8"/>
      <c r="P156" s="8"/>
      <c r="Q156" s="8"/>
      <c r="R156" s="8"/>
      <c r="S156" s="8"/>
      <c r="T156" s="8"/>
      <c r="U156" s="8"/>
      <c r="V156" s="8"/>
    </row>
    <row r="157" spans="1:22" ht="34.5" customHeight="1" x14ac:dyDescent="0.15">
      <c r="A157" s="216"/>
      <c r="B157" s="14"/>
      <c r="C157" s="3"/>
      <c r="D157" s="3"/>
      <c r="F157" s="3"/>
      <c r="G157" s="3"/>
      <c r="H157" s="228"/>
      <c r="I157" s="228"/>
      <c r="J157" s="65" t="s">
        <v>27</v>
      </c>
      <c r="K157" s="66"/>
      <c r="L157" s="56" t="s">
        <v>431</v>
      </c>
      <c r="M157" s="56" t="s">
        <v>434</v>
      </c>
      <c r="N157" s="8"/>
      <c r="O157" s="8"/>
      <c r="P157" s="8"/>
      <c r="Q157" s="8"/>
      <c r="R157" s="8"/>
      <c r="S157" s="8"/>
      <c r="T157" s="8"/>
      <c r="U157" s="8"/>
      <c r="V157" s="8"/>
    </row>
    <row r="158" spans="1:22" ht="20.25" customHeight="1" x14ac:dyDescent="0.15">
      <c r="A158" s="191" t="s">
        <v>202</v>
      </c>
      <c r="B158" s="1"/>
      <c r="C158" s="3"/>
      <c r="D158" s="3"/>
      <c r="F158" s="3"/>
      <c r="G158" s="3"/>
      <c r="H158" s="228"/>
      <c r="I158" s="57" t="s">
        <v>28</v>
      </c>
      <c r="J158" s="58"/>
      <c r="K158" s="67"/>
      <c r="L158" s="60" t="s">
        <v>432</v>
      </c>
      <c r="M158" s="60" t="s">
        <v>432</v>
      </c>
      <c r="N158" s="8"/>
      <c r="O158" s="8"/>
      <c r="P158" s="8"/>
      <c r="Q158" s="8"/>
      <c r="R158" s="8"/>
      <c r="S158" s="8"/>
      <c r="T158" s="8"/>
      <c r="U158" s="8"/>
      <c r="V158" s="8"/>
    </row>
    <row r="159" spans="1:22" s="70" customFormat="1" ht="34.5" customHeight="1" x14ac:dyDescent="0.15">
      <c r="A159" s="192" t="s">
        <v>293</v>
      </c>
      <c r="B159" s="99"/>
      <c r="C159" s="261" t="s">
        <v>50</v>
      </c>
      <c r="D159" s="262"/>
      <c r="E159" s="262"/>
      <c r="F159" s="262"/>
      <c r="G159" s="262"/>
      <c r="H159" s="263"/>
      <c r="I159" s="310" t="s">
        <v>51</v>
      </c>
      <c r="J159" s="203" t="s">
        <v>428</v>
      </c>
      <c r="K159" s="68"/>
      <c r="L159" s="90"/>
      <c r="M159" s="105"/>
    </row>
    <row r="160" spans="1:22" s="70" customFormat="1" ht="34.5" customHeight="1" x14ac:dyDescent="0.15">
      <c r="A160" s="192" t="s">
        <v>294</v>
      </c>
      <c r="B160" s="99"/>
      <c r="C160" s="261" t="s">
        <v>52</v>
      </c>
      <c r="D160" s="262"/>
      <c r="E160" s="262"/>
      <c r="F160" s="262"/>
      <c r="G160" s="262"/>
      <c r="H160" s="263"/>
      <c r="I160" s="311"/>
      <c r="J160" s="203" t="s">
        <v>428</v>
      </c>
      <c r="K160" s="68"/>
      <c r="L160" s="84"/>
      <c r="M160" s="106"/>
    </row>
    <row r="161" spans="1:22" s="70" customFormat="1" ht="34.5" customHeight="1" x14ac:dyDescent="0.15">
      <c r="A161" s="192" t="s">
        <v>295</v>
      </c>
      <c r="B161" s="99"/>
      <c r="C161" s="261" t="s">
        <v>53</v>
      </c>
      <c r="D161" s="262"/>
      <c r="E161" s="262"/>
      <c r="F161" s="262"/>
      <c r="G161" s="262"/>
      <c r="H161" s="263"/>
      <c r="I161" s="312"/>
      <c r="J161" s="203" t="s">
        <v>428</v>
      </c>
      <c r="K161" s="68"/>
      <c r="L161" s="86"/>
      <c r="M161" s="107"/>
    </row>
    <row r="162" spans="1:22" s="77" customFormat="1" x14ac:dyDescent="0.15">
      <c r="A162" s="188"/>
      <c r="B162" s="14"/>
      <c r="C162" s="186"/>
      <c r="D162" s="14"/>
      <c r="E162" s="14"/>
      <c r="F162" s="14"/>
      <c r="G162" s="14"/>
      <c r="H162" s="10"/>
      <c r="I162" s="10"/>
      <c r="J162" s="74"/>
      <c r="K162" s="75"/>
      <c r="L162" s="64"/>
      <c r="M162" s="64"/>
    </row>
    <row r="163" spans="1:22" s="70" customFormat="1" x14ac:dyDescent="0.15">
      <c r="A163" s="188"/>
      <c r="B163" s="71"/>
      <c r="C163" s="52"/>
      <c r="D163" s="52"/>
      <c r="E163" s="52"/>
      <c r="F163" s="52"/>
      <c r="G163" s="52"/>
      <c r="H163" s="78"/>
      <c r="I163" s="78"/>
      <c r="J163" s="74"/>
      <c r="K163" s="75"/>
      <c r="L163" s="76"/>
      <c r="M163" s="76"/>
    </row>
    <row r="164" spans="1:22" s="77" customFormat="1" x14ac:dyDescent="0.15">
      <c r="A164" s="188"/>
      <c r="B164" s="1"/>
      <c r="C164" s="3"/>
      <c r="D164" s="3"/>
      <c r="E164" s="3"/>
      <c r="F164" s="3"/>
      <c r="G164" s="3"/>
      <c r="H164" s="228"/>
      <c r="I164" s="228"/>
      <c r="J164" s="104"/>
      <c r="K164" s="24"/>
      <c r="L164" s="89"/>
      <c r="M164" s="89"/>
    </row>
    <row r="165" spans="1:22" s="77" customFormat="1" x14ac:dyDescent="0.15">
      <c r="A165" s="188"/>
      <c r="B165" s="14" t="s">
        <v>54</v>
      </c>
      <c r="C165" s="88"/>
      <c r="D165" s="88"/>
      <c r="E165" s="88"/>
      <c r="F165" s="88"/>
      <c r="G165" s="88"/>
      <c r="H165" s="10"/>
      <c r="I165" s="10"/>
      <c r="J165" s="51"/>
      <c r="K165" s="24"/>
      <c r="L165" s="89"/>
      <c r="M165" s="89"/>
    </row>
    <row r="166" spans="1:22" x14ac:dyDescent="0.15">
      <c r="A166" s="188"/>
      <c r="B166" s="14"/>
      <c r="C166" s="14"/>
      <c r="D166" s="14"/>
      <c r="E166" s="14"/>
      <c r="F166" s="14"/>
      <c r="G166" s="14"/>
      <c r="H166" s="10"/>
      <c r="I166" s="10"/>
      <c r="L166" s="185"/>
      <c r="M166" s="185"/>
      <c r="N166" s="8"/>
      <c r="O166" s="8"/>
      <c r="P166" s="8"/>
      <c r="Q166" s="8"/>
      <c r="R166" s="8"/>
      <c r="S166" s="8"/>
      <c r="T166" s="8"/>
      <c r="U166" s="8"/>
      <c r="V166" s="8"/>
    </row>
    <row r="167" spans="1:22" ht="34.5" customHeight="1" x14ac:dyDescent="0.15">
      <c r="A167" s="188"/>
      <c r="B167" s="14"/>
      <c r="C167" s="3"/>
      <c r="D167" s="3"/>
      <c r="F167" s="3"/>
      <c r="G167" s="3"/>
      <c r="H167" s="228"/>
      <c r="I167" s="228"/>
      <c r="J167" s="65" t="s">
        <v>27</v>
      </c>
      <c r="K167" s="66"/>
      <c r="L167" s="56" t="s">
        <v>431</v>
      </c>
      <c r="M167" s="56" t="s">
        <v>434</v>
      </c>
      <c r="N167" s="8"/>
      <c r="O167" s="8"/>
      <c r="P167" s="8"/>
      <c r="Q167" s="8"/>
      <c r="R167" s="8"/>
      <c r="S167" s="8"/>
      <c r="T167" s="8"/>
      <c r="U167" s="8"/>
      <c r="V167" s="8"/>
    </row>
    <row r="168" spans="1:22" ht="20.25" customHeight="1" x14ac:dyDescent="0.15">
      <c r="A168" s="188"/>
      <c r="B168" s="1"/>
      <c r="C168" s="52"/>
      <c r="D168" s="3"/>
      <c r="F168" s="3"/>
      <c r="G168" s="3"/>
      <c r="H168" s="228"/>
      <c r="I168" s="57" t="s">
        <v>28</v>
      </c>
      <c r="J168" s="58"/>
      <c r="K168" s="67"/>
      <c r="L168" s="60" t="s">
        <v>432</v>
      </c>
      <c r="M168" s="60" t="s">
        <v>432</v>
      </c>
      <c r="N168" s="8"/>
      <c r="O168" s="8"/>
      <c r="P168" s="8"/>
      <c r="Q168" s="8"/>
      <c r="R168" s="8"/>
      <c r="S168" s="8"/>
      <c r="T168" s="8"/>
      <c r="U168" s="8"/>
      <c r="V168" s="8"/>
    </row>
    <row r="169" spans="1:22" s="70" customFormat="1" ht="56.1" customHeight="1" x14ac:dyDescent="0.15">
      <c r="A169" s="189" t="s">
        <v>296</v>
      </c>
      <c r="B169" s="99"/>
      <c r="C169" s="261" t="s">
        <v>55</v>
      </c>
      <c r="D169" s="262"/>
      <c r="E169" s="262"/>
      <c r="F169" s="262"/>
      <c r="G169" s="262"/>
      <c r="H169" s="263"/>
      <c r="I169" s="225" t="s">
        <v>56</v>
      </c>
      <c r="J169" s="203" t="s">
        <v>428</v>
      </c>
      <c r="K169" s="68"/>
      <c r="L169" s="90"/>
      <c r="M169" s="105"/>
    </row>
    <row r="170" spans="1:22" s="70" customFormat="1" ht="98.1" customHeight="1" x14ac:dyDescent="0.15">
      <c r="A170" s="189" t="s">
        <v>297</v>
      </c>
      <c r="B170" s="99"/>
      <c r="C170" s="261" t="s">
        <v>57</v>
      </c>
      <c r="D170" s="262"/>
      <c r="E170" s="262"/>
      <c r="F170" s="262"/>
      <c r="G170" s="262"/>
      <c r="H170" s="263"/>
      <c r="I170" s="108" t="s">
        <v>58</v>
      </c>
      <c r="J170" s="203" t="s">
        <v>428</v>
      </c>
      <c r="K170" s="68"/>
      <c r="L170" s="86"/>
      <c r="M170" s="107"/>
    </row>
    <row r="171" spans="1:22" s="77" customFormat="1" x14ac:dyDescent="0.15">
      <c r="A171" s="188"/>
      <c r="B171" s="14"/>
      <c r="C171" s="14"/>
      <c r="D171" s="14"/>
      <c r="E171" s="14"/>
      <c r="F171" s="14"/>
      <c r="G171" s="14"/>
      <c r="H171" s="10"/>
      <c r="I171" s="10"/>
      <c r="J171" s="74"/>
      <c r="K171" s="75"/>
      <c r="L171" s="64"/>
      <c r="M171" s="64"/>
    </row>
    <row r="172" spans="1:22" s="70" customFormat="1" x14ac:dyDescent="0.15">
      <c r="A172" s="188"/>
      <c r="B172" s="71"/>
      <c r="C172" s="52"/>
      <c r="D172" s="52"/>
      <c r="E172" s="52"/>
      <c r="F172" s="52"/>
      <c r="G172" s="52"/>
      <c r="H172" s="78"/>
      <c r="I172" s="78"/>
      <c r="J172" s="74"/>
      <c r="K172" s="75"/>
      <c r="L172" s="76"/>
      <c r="M172" s="76"/>
    </row>
    <row r="173" spans="1:22" s="77" customFormat="1" x14ac:dyDescent="0.15">
      <c r="A173" s="188"/>
      <c r="B173" s="99"/>
      <c r="C173" s="3"/>
      <c r="D173" s="3"/>
      <c r="E173" s="109"/>
      <c r="F173" s="109"/>
      <c r="G173" s="109"/>
      <c r="H173" s="110"/>
      <c r="I173" s="110"/>
      <c r="J173" s="74"/>
      <c r="K173" s="75"/>
      <c r="L173" s="76"/>
      <c r="M173" s="76"/>
    </row>
    <row r="174" spans="1:22" s="77" customFormat="1" x14ac:dyDescent="0.15">
      <c r="A174" s="188"/>
      <c r="B174" s="14" t="s">
        <v>59</v>
      </c>
      <c r="C174" s="88"/>
      <c r="D174" s="88"/>
      <c r="E174" s="88"/>
      <c r="F174" s="88"/>
      <c r="G174" s="10"/>
      <c r="H174" s="10"/>
      <c r="I174" s="10"/>
      <c r="J174" s="51"/>
      <c r="K174" s="24"/>
      <c r="L174" s="89"/>
      <c r="M174" s="89"/>
    </row>
    <row r="175" spans="1:22" x14ac:dyDescent="0.15">
      <c r="A175" s="188"/>
      <c r="B175" s="14"/>
      <c r="C175" s="14"/>
      <c r="D175" s="14"/>
      <c r="E175" s="14"/>
      <c r="F175" s="14"/>
      <c r="G175" s="14"/>
      <c r="H175" s="10"/>
      <c r="I175" s="10"/>
      <c r="L175" s="185"/>
      <c r="M175" s="185"/>
      <c r="N175" s="8"/>
      <c r="O175" s="8"/>
      <c r="P175" s="8"/>
      <c r="Q175" s="8"/>
      <c r="R175" s="8"/>
      <c r="S175" s="8"/>
      <c r="T175" s="8"/>
      <c r="U175" s="8"/>
      <c r="V175" s="8"/>
    </row>
    <row r="176" spans="1:22" ht="34.5" customHeight="1" x14ac:dyDescent="0.15">
      <c r="A176" s="188"/>
      <c r="B176" s="14"/>
      <c r="C176" s="3"/>
      <c r="D176" s="3"/>
      <c r="F176" s="3"/>
      <c r="G176" s="3"/>
      <c r="H176" s="228"/>
      <c r="I176" s="228"/>
      <c r="J176" s="65" t="s">
        <v>27</v>
      </c>
      <c r="K176" s="66"/>
      <c r="L176" s="56" t="s">
        <v>431</v>
      </c>
      <c r="M176" s="56" t="s">
        <v>434</v>
      </c>
      <c r="N176" s="8"/>
      <c r="O176" s="8"/>
      <c r="P176" s="8"/>
      <c r="Q176" s="8"/>
      <c r="R176" s="8"/>
      <c r="S176" s="8"/>
      <c r="T176" s="8"/>
      <c r="U176" s="8"/>
      <c r="V176" s="8"/>
    </row>
    <row r="177" spans="1:22" x14ac:dyDescent="0.15">
      <c r="A177" s="188"/>
      <c r="B177" s="1"/>
      <c r="C177" s="52"/>
      <c r="D177" s="3"/>
      <c r="F177" s="3"/>
      <c r="G177" s="3"/>
      <c r="H177" s="228"/>
      <c r="I177" s="57" t="s">
        <v>28</v>
      </c>
      <c r="J177" s="58"/>
      <c r="K177" s="67"/>
      <c r="L177" s="60" t="s">
        <v>432</v>
      </c>
      <c r="M177" s="111" t="s">
        <v>432</v>
      </c>
      <c r="N177" s="8"/>
      <c r="O177" s="8"/>
      <c r="P177" s="8"/>
      <c r="Q177" s="8"/>
      <c r="R177" s="8"/>
      <c r="S177" s="8"/>
      <c r="T177" s="8"/>
      <c r="U177" s="8"/>
      <c r="V177" s="8"/>
    </row>
    <row r="178" spans="1:22" s="70" customFormat="1" ht="56.1" customHeight="1" x14ac:dyDescent="0.15">
      <c r="A178" s="189" t="s">
        <v>298</v>
      </c>
      <c r="B178" s="99"/>
      <c r="C178" s="261" t="s">
        <v>60</v>
      </c>
      <c r="D178" s="262"/>
      <c r="E178" s="262"/>
      <c r="F178" s="262"/>
      <c r="G178" s="262"/>
      <c r="H178" s="263"/>
      <c r="I178" s="112" t="s">
        <v>61</v>
      </c>
      <c r="J178" s="203" t="s">
        <v>429</v>
      </c>
      <c r="K178" s="68"/>
      <c r="L178" s="90"/>
      <c r="M178" s="105"/>
    </row>
    <row r="179" spans="1:22" s="70" customFormat="1" ht="56.1" customHeight="1" x14ac:dyDescent="0.15">
      <c r="A179" s="189" t="s">
        <v>299</v>
      </c>
      <c r="B179" s="99"/>
      <c r="C179" s="261" t="s">
        <v>62</v>
      </c>
      <c r="D179" s="262"/>
      <c r="E179" s="262"/>
      <c r="F179" s="262"/>
      <c r="G179" s="262"/>
      <c r="H179" s="263"/>
      <c r="I179" s="112" t="s">
        <v>63</v>
      </c>
      <c r="J179" s="203" t="s">
        <v>428</v>
      </c>
      <c r="K179" s="68"/>
      <c r="L179" s="84"/>
      <c r="M179" s="106"/>
    </row>
    <row r="180" spans="1:22" s="70" customFormat="1" ht="56.1" customHeight="1" x14ac:dyDescent="0.15">
      <c r="A180" s="189" t="s">
        <v>300</v>
      </c>
      <c r="B180" s="99"/>
      <c r="C180" s="261" t="s">
        <v>64</v>
      </c>
      <c r="D180" s="262"/>
      <c r="E180" s="262"/>
      <c r="F180" s="262"/>
      <c r="G180" s="262"/>
      <c r="H180" s="263"/>
      <c r="I180" s="112" t="s">
        <v>65</v>
      </c>
      <c r="J180" s="203" t="s">
        <v>428</v>
      </c>
      <c r="K180" s="68"/>
      <c r="L180" s="86"/>
      <c r="M180" s="107"/>
    </row>
    <row r="181" spans="1:22" s="77" customFormat="1" x14ac:dyDescent="0.15">
      <c r="A181" s="188"/>
      <c r="B181" s="14"/>
      <c r="C181" s="14"/>
      <c r="D181" s="14"/>
      <c r="E181" s="14"/>
      <c r="F181" s="14"/>
      <c r="G181" s="14"/>
      <c r="H181" s="10"/>
      <c r="I181" s="10"/>
      <c r="J181" s="74"/>
      <c r="K181" s="75"/>
      <c r="L181" s="64"/>
      <c r="M181" s="64"/>
    </row>
    <row r="182" spans="1:22" s="70" customFormat="1" x14ac:dyDescent="0.15">
      <c r="A182" s="188"/>
      <c r="B182" s="71"/>
      <c r="C182" s="52"/>
      <c r="D182" s="52"/>
      <c r="E182" s="52"/>
      <c r="F182" s="52"/>
      <c r="G182" s="52"/>
      <c r="H182" s="78"/>
      <c r="I182" s="78"/>
      <c r="J182" s="74"/>
      <c r="K182" s="75"/>
      <c r="L182" s="76"/>
      <c r="M182" s="76"/>
    </row>
    <row r="183" spans="1:22" s="77" customFormat="1" x14ac:dyDescent="0.15">
      <c r="A183" s="188"/>
      <c r="B183" s="1"/>
      <c r="C183" s="3"/>
      <c r="D183" s="3"/>
      <c r="E183" s="3"/>
      <c r="F183" s="3"/>
      <c r="G183" s="3"/>
      <c r="H183" s="228"/>
      <c r="I183" s="228"/>
      <c r="J183" s="51"/>
      <c r="K183" s="24"/>
      <c r="L183" s="89"/>
      <c r="M183" s="89"/>
    </row>
    <row r="184" spans="1:22" x14ac:dyDescent="0.15">
      <c r="A184" s="188"/>
      <c r="B184" s="14" t="s">
        <v>66</v>
      </c>
      <c r="C184" s="14"/>
      <c r="D184" s="14"/>
      <c r="E184" s="14"/>
      <c r="F184" s="14"/>
      <c r="G184" s="14"/>
      <c r="H184" s="10"/>
      <c r="I184" s="10"/>
      <c r="J184" s="7"/>
      <c r="L184" s="113"/>
      <c r="M184" s="113"/>
      <c r="N184" s="8"/>
      <c r="O184" s="8"/>
      <c r="P184" s="8"/>
      <c r="Q184" s="8"/>
      <c r="R184" s="8"/>
      <c r="S184" s="8"/>
      <c r="T184" s="8"/>
      <c r="U184" s="8"/>
      <c r="V184" s="8"/>
    </row>
    <row r="185" spans="1:22" x14ac:dyDescent="0.15">
      <c r="A185" s="188"/>
      <c r="B185" s="14"/>
      <c r="C185" s="14"/>
      <c r="D185" s="14"/>
      <c r="E185" s="14"/>
      <c r="F185" s="14"/>
      <c r="G185" s="14"/>
      <c r="H185" s="10"/>
      <c r="I185" s="10"/>
      <c r="L185" s="185"/>
      <c r="M185" s="185"/>
      <c r="N185" s="8"/>
      <c r="O185" s="8"/>
      <c r="P185" s="8"/>
      <c r="Q185" s="8"/>
      <c r="R185" s="8"/>
      <c r="S185" s="8"/>
      <c r="T185" s="8"/>
      <c r="U185" s="8"/>
      <c r="V185" s="8"/>
    </row>
    <row r="186" spans="1:22" ht="34.5" customHeight="1" x14ac:dyDescent="0.15">
      <c r="A186" s="188"/>
      <c r="B186" s="14"/>
      <c r="C186" s="3"/>
      <c r="D186" s="3"/>
      <c r="F186" s="3"/>
      <c r="G186" s="3"/>
      <c r="H186" s="228"/>
      <c r="I186" s="228"/>
      <c r="J186" s="65" t="s">
        <v>27</v>
      </c>
      <c r="K186" s="66"/>
      <c r="L186" s="56" t="s">
        <v>431</v>
      </c>
      <c r="M186" s="56" t="s">
        <v>434</v>
      </c>
      <c r="N186" s="8"/>
      <c r="O186" s="8"/>
      <c r="P186" s="8"/>
      <c r="Q186" s="8"/>
      <c r="R186" s="8"/>
      <c r="S186" s="8"/>
      <c r="T186" s="8"/>
      <c r="U186" s="8"/>
      <c r="V186" s="8"/>
    </row>
    <row r="187" spans="1:22" ht="20.25" customHeight="1" x14ac:dyDescent="0.15">
      <c r="A187" s="188"/>
      <c r="B187" s="1"/>
      <c r="C187" s="52"/>
      <c r="D187" s="3"/>
      <c r="F187" s="3"/>
      <c r="G187" s="3"/>
      <c r="H187" s="228"/>
      <c r="I187" s="57" t="s">
        <v>28</v>
      </c>
      <c r="J187" s="58"/>
      <c r="K187" s="67"/>
      <c r="L187" s="60" t="s">
        <v>432</v>
      </c>
      <c r="M187" s="60" t="s">
        <v>432</v>
      </c>
      <c r="N187" s="8"/>
      <c r="O187" s="8"/>
      <c r="P187" s="8"/>
      <c r="Q187" s="8"/>
      <c r="R187" s="8"/>
      <c r="S187" s="8"/>
      <c r="T187" s="8"/>
      <c r="U187" s="8"/>
      <c r="V187" s="8"/>
    </row>
    <row r="188" spans="1:22" s="70" customFormat="1" ht="34.5" customHeight="1" x14ac:dyDescent="0.15">
      <c r="A188" s="189" t="s">
        <v>301</v>
      </c>
      <c r="B188" s="71"/>
      <c r="C188" s="308" t="s">
        <v>67</v>
      </c>
      <c r="D188" s="309"/>
      <c r="E188" s="309"/>
      <c r="F188" s="309"/>
      <c r="G188" s="308" t="s">
        <v>68</v>
      </c>
      <c r="H188" s="308"/>
      <c r="I188" s="314" t="s">
        <v>69</v>
      </c>
      <c r="J188" s="207">
        <v>7</v>
      </c>
      <c r="K188" s="68" t="str">
        <f t="shared" ref="K188:K215" si="2">IF(OR(COUNTIF(L188:M188,"未確認")&gt;0,COUNTIF(L188:M188,"~*")&gt;0),"※","")</f>
        <v/>
      </c>
      <c r="L188" s="115"/>
      <c r="M188" s="115"/>
    </row>
    <row r="189" spans="1:22" s="70" customFormat="1" ht="34.5" customHeight="1" x14ac:dyDescent="0.15">
      <c r="A189" s="189" t="s">
        <v>301</v>
      </c>
      <c r="B189" s="71"/>
      <c r="C189" s="309"/>
      <c r="D189" s="309"/>
      <c r="E189" s="309"/>
      <c r="F189" s="309"/>
      <c r="G189" s="308" t="s">
        <v>70</v>
      </c>
      <c r="H189" s="308"/>
      <c r="I189" s="315"/>
      <c r="J189" s="208">
        <v>3.3</v>
      </c>
      <c r="K189" s="68" t="str">
        <f t="shared" si="2"/>
        <v/>
      </c>
      <c r="L189" s="116"/>
      <c r="M189" s="116"/>
    </row>
    <row r="190" spans="1:22" s="70" customFormat="1" ht="34.5" customHeight="1" x14ac:dyDescent="0.15">
      <c r="A190" s="189" t="s">
        <v>302</v>
      </c>
      <c r="B190" s="71"/>
      <c r="C190" s="308" t="s">
        <v>71</v>
      </c>
      <c r="D190" s="309"/>
      <c r="E190" s="309"/>
      <c r="F190" s="309"/>
      <c r="G190" s="308" t="s">
        <v>68</v>
      </c>
      <c r="H190" s="308"/>
      <c r="I190" s="315"/>
      <c r="J190" s="207">
        <v>0</v>
      </c>
      <c r="K190" s="68" t="str">
        <f t="shared" si="2"/>
        <v/>
      </c>
      <c r="L190" s="115"/>
      <c r="M190" s="115"/>
    </row>
    <row r="191" spans="1:22" s="70" customFormat="1" ht="34.5" customHeight="1" x14ac:dyDescent="0.15">
      <c r="A191" s="189" t="s">
        <v>302</v>
      </c>
      <c r="B191" s="71"/>
      <c r="C191" s="309"/>
      <c r="D191" s="309"/>
      <c r="E191" s="309"/>
      <c r="F191" s="309"/>
      <c r="G191" s="308" t="s">
        <v>70</v>
      </c>
      <c r="H191" s="308"/>
      <c r="I191" s="315"/>
      <c r="J191" s="208">
        <v>0.1</v>
      </c>
      <c r="K191" s="68" t="str">
        <f t="shared" si="2"/>
        <v/>
      </c>
      <c r="L191" s="116"/>
      <c r="M191" s="116"/>
    </row>
    <row r="192" spans="1:22" s="70" customFormat="1" ht="34.5" customHeight="1" x14ac:dyDescent="0.15">
      <c r="A192" s="193" t="s">
        <v>303</v>
      </c>
      <c r="B192" s="100"/>
      <c r="C192" s="308" t="s">
        <v>72</v>
      </c>
      <c r="D192" s="308"/>
      <c r="E192" s="308"/>
      <c r="F192" s="308"/>
      <c r="G192" s="308" t="s">
        <v>68</v>
      </c>
      <c r="H192" s="308"/>
      <c r="I192" s="315"/>
      <c r="J192" s="207">
        <f t="shared" ref="J192:J207" si="3">IF(SUM(L192:M192)=0,IF(COUNTIF(L192:M192,"未確認")&gt;0,"未確認",IF(COUNTIF(L192:M192,"~*")&gt;0,"*",SUM(L192:M192))),SUM(L192:M192))</f>
        <v>36</v>
      </c>
      <c r="K192" s="68" t="str">
        <f t="shared" si="2"/>
        <v/>
      </c>
      <c r="L192" s="117">
        <v>26</v>
      </c>
      <c r="M192" s="117">
        <v>10</v>
      </c>
    </row>
    <row r="193" spans="1:13" s="70" customFormat="1" ht="34.5" customHeight="1" x14ac:dyDescent="0.15">
      <c r="A193" s="193" t="s">
        <v>303</v>
      </c>
      <c r="B193" s="100"/>
      <c r="C193" s="308"/>
      <c r="D193" s="308"/>
      <c r="E193" s="308"/>
      <c r="F193" s="308"/>
      <c r="G193" s="308" t="s">
        <v>70</v>
      </c>
      <c r="H193" s="308"/>
      <c r="I193" s="315"/>
      <c r="J193" s="207">
        <f t="shared" si="3"/>
        <v>7.9</v>
      </c>
      <c r="K193" s="68" t="str">
        <f t="shared" si="2"/>
        <v/>
      </c>
      <c r="L193" s="118">
        <v>6.2</v>
      </c>
      <c r="M193" s="118">
        <v>1.7</v>
      </c>
    </row>
    <row r="194" spans="1:13" s="70" customFormat="1" ht="34.5" customHeight="1" x14ac:dyDescent="0.15">
      <c r="A194" s="193" t="s">
        <v>304</v>
      </c>
      <c r="B194" s="100"/>
      <c r="C194" s="308" t="s">
        <v>73</v>
      </c>
      <c r="D194" s="313"/>
      <c r="E194" s="313"/>
      <c r="F194" s="313"/>
      <c r="G194" s="308" t="s">
        <v>68</v>
      </c>
      <c r="H194" s="308"/>
      <c r="I194" s="315"/>
      <c r="J194" s="207">
        <f t="shared" si="3"/>
        <v>4</v>
      </c>
      <c r="K194" s="68" t="str">
        <f t="shared" si="2"/>
        <v/>
      </c>
      <c r="L194" s="117">
        <v>4</v>
      </c>
      <c r="M194" s="117">
        <v>0</v>
      </c>
    </row>
    <row r="195" spans="1:13" s="70" customFormat="1" ht="34.5" customHeight="1" x14ac:dyDescent="0.15">
      <c r="A195" s="193" t="s">
        <v>304</v>
      </c>
      <c r="B195" s="100"/>
      <c r="C195" s="313"/>
      <c r="D195" s="313"/>
      <c r="E195" s="313"/>
      <c r="F195" s="313"/>
      <c r="G195" s="308" t="s">
        <v>70</v>
      </c>
      <c r="H195" s="308"/>
      <c r="I195" s="315"/>
      <c r="J195" s="207">
        <f t="shared" si="3"/>
        <v>0.7</v>
      </c>
      <c r="K195" s="68" t="str">
        <f t="shared" si="2"/>
        <v/>
      </c>
      <c r="L195" s="118">
        <v>0.7</v>
      </c>
      <c r="M195" s="118">
        <v>0</v>
      </c>
    </row>
    <row r="196" spans="1:13" s="70" customFormat="1" ht="34.5" customHeight="1" x14ac:dyDescent="0.15">
      <c r="A196" s="193" t="s">
        <v>305</v>
      </c>
      <c r="B196" s="100"/>
      <c r="C196" s="308" t="s">
        <v>74</v>
      </c>
      <c r="D196" s="313"/>
      <c r="E196" s="313"/>
      <c r="F196" s="313"/>
      <c r="G196" s="308" t="s">
        <v>68</v>
      </c>
      <c r="H196" s="308"/>
      <c r="I196" s="315"/>
      <c r="J196" s="207">
        <f t="shared" si="3"/>
        <v>20</v>
      </c>
      <c r="K196" s="68" t="str">
        <f t="shared" si="2"/>
        <v/>
      </c>
      <c r="L196" s="117">
        <v>0</v>
      </c>
      <c r="M196" s="117">
        <v>20</v>
      </c>
    </row>
    <row r="197" spans="1:13" s="70" customFormat="1" ht="34.5" customHeight="1" x14ac:dyDescent="0.15">
      <c r="A197" s="193" t="s">
        <v>305</v>
      </c>
      <c r="B197" s="100"/>
      <c r="C197" s="313"/>
      <c r="D197" s="313"/>
      <c r="E197" s="313"/>
      <c r="F197" s="313"/>
      <c r="G197" s="308" t="s">
        <v>70</v>
      </c>
      <c r="H197" s="308"/>
      <c r="I197" s="315"/>
      <c r="J197" s="207">
        <f t="shared" si="3"/>
        <v>4</v>
      </c>
      <c r="K197" s="68" t="str">
        <f t="shared" si="2"/>
        <v/>
      </c>
      <c r="L197" s="118">
        <v>2.2999999999999998</v>
      </c>
      <c r="M197" s="118">
        <v>1.7</v>
      </c>
    </row>
    <row r="198" spans="1:13" s="70" customFormat="1" ht="34.5" customHeight="1" x14ac:dyDescent="0.15">
      <c r="A198" s="193" t="s">
        <v>306</v>
      </c>
      <c r="B198" s="100"/>
      <c r="C198" s="308" t="s">
        <v>75</v>
      </c>
      <c r="D198" s="313"/>
      <c r="E198" s="313"/>
      <c r="F198" s="313"/>
      <c r="G198" s="308" t="s">
        <v>68</v>
      </c>
      <c r="H198" s="308"/>
      <c r="I198" s="315"/>
      <c r="J198" s="207">
        <f t="shared" si="3"/>
        <v>0</v>
      </c>
      <c r="K198" s="68" t="str">
        <f t="shared" si="2"/>
        <v/>
      </c>
      <c r="L198" s="117">
        <v>0</v>
      </c>
      <c r="M198" s="117">
        <v>0</v>
      </c>
    </row>
    <row r="199" spans="1:13" s="70" customFormat="1" ht="34.5" customHeight="1" x14ac:dyDescent="0.15">
      <c r="A199" s="193" t="s">
        <v>306</v>
      </c>
      <c r="B199" s="71"/>
      <c r="C199" s="313"/>
      <c r="D199" s="313"/>
      <c r="E199" s="313"/>
      <c r="F199" s="313"/>
      <c r="G199" s="308" t="s">
        <v>70</v>
      </c>
      <c r="H199" s="308"/>
      <c r="I199" s="315"/>
      <c r="J199" s="207">
        <f t="shared" si="3"/>
        <v>0</v>
      </c>
      <c r="K199" s="68" t="str">
        <f t="shared" si="2"/>
        <v/>
      </c>
      <c r="L199" s="118">
        <v>0</v>
      </c>
      <c r="M199" s="118">
        <v>0</v>
      </c>
    </row>
    <row r="200" spans="1:13" s="70" customFormat="1" ht="34.5" customHeight="1" x14ac:dyDescent="0.15">
      <c r="A200" s="193" t="s">
        <v>307</v>
      </c>
      <c r="B200" s="71"/>
      <c r="C200" s="308" t="s">
        <v>76</v>
      </c>
      <c r="D200" s="313"/>
      <c r="E200" s="313"/>
      <c r="F200" s="313"/>
      <c r="G200" s="308" t="s">
        <v>68</v>
      </c>
      <c r="H200" s="308"/>
      <c r="I200" s="315"/>
      <c r="J200" s="207">
        <f t="shared" si="3"/>
        <v>0</v>
      </c>
      <c r="K200" s="68" t="str">
        <f t="shared" si="2"/>
        <v/>
      </c>
      <c r="L200" s="117">
        <v>0</v>
      </c>
      <c r="M200" s="117">
        <v>0</v>
      </c>
    </row>
    <row r="201" spans="1:13" s="70" customFormat="1" ht="34.5" customHeight="1" x14ac:dyDescent="0.15">
      <c r="A201" s="193" t="s">
        <v>307</v>
      </c>
      <c r="B201" s="71"/>
      <c r="C201" s="313"/>
      <c r="D201" s="313"/>
      <c r="E201" s="313"/>
      <c r="F201" s="313"/>
      <c r="G201" s="308" t="s">
        <v>70</v>
      </c>
      <c r="H201" s="308"/>
      <c r="I201" s="315"/>
      <c r="J201" s="207">
        <f t="shared" si="3"/>
        <v>0</v>
      </c>
      <c r="K201" s="68" t="str">
        <f t="shared" si="2"/>
        <v/>
      </c>
      <c r="L201" s="118">
        <v>0</v>
      </c>
      <c r="M201" s="118">
        <v>0</v>
      </c>
    </row>
    <row r="202" spans="1:13" s="70" customFormat="1" ht="34.5" customHeight="1" x14ac:dyDescent="0.15">
      <c r="A202" s="193" t="s">
        <v>308</v>
      </c>
      <c r="B202" s="71"/>
      <c r="C202" s="308" t="s">
        <v>77</v>
      </c>
      <c r="D202" s="313"/>
      <c r="E202" s="313"/>
      <c r="F202" s="313"/>
      <c r="G202" s="308" t="s">
        <v>68</v>
      </c>
      <c r="H202" s="308"/>
      <c r="I202" s="315"/>
      <c r="J202" s="207">
        <f t="shared" si="3"/>
        <v>0</v>
      </c>
      <c r="K202" s="68" t="str">
        <f t="shared" si="2"/>
        <v/>
      </c>
      <c r="L202" s="117">
        <v>0</v>
      </c>
      <c r="M202" s="117">
        <v>0</v>
      </c>
    </row>
    <row r="203" spans="1:13" s="70" customFormat="1" ht="34.5" customHeight="1" x14ac:dyDescent="0.15">
      <c r="A203" s="193" t="s">
        <v>308</v>
      </c>
      <c r="B203" s="71"/>
      <c r="C203" s="313"/>
      <c r="D203" s="313"/>
      <c r="E203" s="313"/>
      <c r="F203" s="313"/>
      <c r="G203" s="308" t="s">
        <v>70</v>
      </c>
      <c r="H203" s="308"/>
      <c r="I203" s="315"/>
      <c r="J203" s="207">
        <f t="shared" si="3"/>
        <v>0</v>
      </c>
      <c r="K203" s="68" t="str">
        <f t="shared" si="2"/>
        <v/>
      </c>
      <c r="L203" s="118">
        <v>0</v>
      </c>
      <c r="M203" s="118">
        <v>0</v>
      </c>
    </row>
    <row r="204" spans="1:13" s="70" customFormat="1" ht="34.5" customHeight="1" x14ac:dyDescent="0.15">
      <c r="A204" s="193" t="s">
        <v>309</v>
      </c>
      <c r="B204" s="71"/>
      <c r="C204" s="308" t="s">
        <v>78</v>
      </c>
      <c r="D204" s="313"/>
      <c r="E204" s="313"/>
      <c r="F204" s="313"/>
      <c r="G204" s="308" t="s">
        <v>68</v>
      </c>
      <c r="H204" s="308"/>
      <c r="I204" s="315"/>
      <c r="J204" s="207">
        <f t="shared" si="3"/>
        <v>0</v>
      </c>
      <c r="K204" s="68" t="str">
        <f t="shared" si="2"/>
        <v/>
      </c>
      <c r="L204" s="117">
        <v>0</v>
      </c>
      <c r="M204" s="117">
        <v>0</v>
      </c>
    </row>
    <row r="205" spans="1:13" s="70" customFormat="1" ht="34.5" customHeight="1" x14ac:dyDescent="0.15">
      <c r="A205" s="193" t="s">
        <v>309</v>
      </c>
      <c r="B205" s="71"/>
      <c r="C205" s="313"/>
      <c r="D205" s="313"/>
      <c r="E205" s="313"/>
      <c r="F205" s="313"/>
      <c r="G205" s="308" t="s">
        <v>70</v>
      </c>
      <c r="H205" s="308"/>
      <c r="I205" s="315"/>
      <c r="J205" s="207">
        <f t="shared" si="3"/>
        <v>0</v>
      </c>
      <c r="K205" s="68" t="str">
        <f t="shared" si="2"/>
        <v/>
      </c>
      <c r="L205" s="118">
        <v>0</v>
      </c>
      <c r="M205" s="118">
        <v>0</v>
      </c>
    </row>
    <row r="206" spans="1:13" s="70" customFormat="1" ht="34.5" customHeight="1" x14ac:dyDescent="0.15">
      <c r="A206" s="193" t="s">
        <v>310</v>
      </c>
      <c r="B206" s="71"/>
      <c r="C206" s="308" t="s">
        <v>79</v>
      </c>
      <c r="D206" s="313"/>
      <c r="E206" s="313"/>
      <c r="F206" s="313"/>
      <c r="G206" s="308" t="s">
        <v>68</v>
      </c>
      <c r="H206" s="308"/>
      <c r="I206" s="315"/>
      <c r="J206" s="207">
        <f t="shared" si="3"/>
        <v>0</v>
      </c>
      <c r="K206" s="68" t="str">
        <f t="shared" si="2"/>
        <v/>
      </c>
      <c r="L206" s="117">
        <v>0</v>
      </c>
      <c r="M206" s="117">
        <v>0</v>
      </c>
    </row>
    <row r="207" spans="1:13" s="70" customFormat="1" ht="34.5" customHeight="1" x14ac:dyDescent="0.15">
      <c r="A207" s="193" t="s">
        <v>310</v>
      </c>
      <c r="B207" s="71"/>
      <c r="C207" s="313"/>
      <c r="D207" s="313"/>
      <c r="E207" s="313"/>
      <c r="F207" s="313"/>
      <c r="G207" s="308" t="s">
        <v>70</v>
      </c>
      <c r="H207" s="308"/>
      <c r="I207" s="315"/>
      <c r="J207" s="207">
        <f t="shared" si="3"/>
        <v>0</v>
      </c>
      <c r="K207" s="68" t="str">
        <f t="shared" si="2"/>
        <v/>
      </c>
      <c r="L207" s="118">
        <v>0</v>
      </c>
      <c r="M207" s="118">
        <v>0</v>
      </c>
    </row>
    <row r="208" spans="1:13" s="70" customFormat="1" ht="34.5" customHeight="1" x14ac:dyDescent="0.15">
      <c r="A208" s="189" t="s">
        <v>311</v>
      </c>
      <c r="B208" s="71"/>
      <c r="C208" s="308" t="s">
        <v>80</v>
      </c>
      <c r="D208" s="309"/>
      <c r="E208" s="309"/>
      <c r="F208" s="309"/>
      <c r="G208" s="308" t="s">
        <v>68</v>
      </c>
      <c r="H208" s="308"/>
      <c r="I208" s="315"/>
      <c r="J208" s="207">
        <v>2</v>
      </c>
      <c r="K208" s="68" t="str">
        <f t="shared" si="2"/>
        <v/>
      </c>
      <c r="L208" s="115"/>
      <c r="M208" s="115"/>
    </row>
    <row r="209" spans="1:22" s="70" customFormat="1" ht="34.5" customHeight="1" x14ac:dyDescent="0.15">
      <c r="A209" s="189" t="s">
        <v>311</v>
      </c>
      <c r="B209" s="71"/>
      <c r="C209" s="309"/>
      <c r="D209" s="309"/>
      <c r="E209" s="309"/>
      <c r="F209" s="309"/>
      <c r="G209" s="308" t="s">
        <v>70</v>
      </c>
      <c r="H209" s="308"/>
      <c r="I209" s="315"/>
      <c r="J209" s="207">
        <v>0</v>
      </c>
      <c r="K209" s="68" t="str">
        <f t="shared" si="2"/>
        <v/>
      </c>
      <c r="L209" s="116"/>
      <c r="M209" s="116"/>
    </row>
    <row r="210" spans="1:22" s="70" customFormat="1" ht="34.5" customHeight="1" x14ac:dyDescent="0.15">
      <c r="A210" s="189" t="s">
        <v>312</v>
      </c>
      <c r="B210" s="71"/>
      <c r="C210" s="308" t="s">
        <v>81</v>
      </c>
      <c r="D210" s="309"/>
      <c r="E210" s="309"/>
      <c r="F210" s="309"/>
      <c r="G210" s="308" t="s">
        <v>68</v>
      </c>
      <c r="H210" s="308"/>
      <c r="I210" s="315"/>
      <c r="J210" s="207">
        <v>2</v>
      </c>
      <c r="K210" s="68" t="str">
        <f t="shared" si="2"/>
        <v/>
      </c>
      <c r="L210" s="115"/>
      <c r="M210" s="115"/>
    </row>
    <row r="211" spans="1:22" s="70" customFormat="1" ht="34.5" customHeight="1" x14ac:dyDescent="0.15">
      <c r="A211" s="189" t="s">
        <v>312</v>
      </c>
      <c r="B211" s="71"/>
      <c r="C211" s="309"/>
      <c r="D211" s="309"/>
      <c r="E211" s="309"/>
      <c r="F211" s="309"/>
      <c r="G211" s="308" t="s">
        <v>70</v>
      </c>
      <c r="H211" s="308"/>
      <c r="I211" s="315"/>
      <c r="J211" s="207">
        <v>0</v>
      </c>
      <c r="K211" s="68" t="str">
        <f t="shared" si="2"/>
        <v/>
      </c>
      <c r="L211" s="116"/>
      <c r="M211" s="116"/>
    </row>
    <row r="212" spans="1:22" s="70" customFormat="1" ht="34.5" customHeight="1" x14ac:dyDescent="0.15">
      <c r="A212" s="193" t="s">
        <v>313</v>
      </c>
      <c r="B212" s="71"/>
      <c r="C212" s="308" t="s">
        <v>82</v>
      </c>
      <c r="D212" s="313"/>
      <c r="E212" s="313"/>
      <c r="F212" s="313"/>
      <c r="G212" s="308" t="s">
        <v>68</v>
      </c>
      <c r="H212" s="308"/>
      <c r="I212" s="315"/>
      <c r="J212" s="207">
        <f>IF(SUM(L212:M212)=0,IF(COUNTIF(L212:M212,"未確認")&gt;0,"未確認",IF(COUNTIF(L212:M212,"~*")&gt;0,"*",SUM(L212:M212))),SUM(L212:M212))</f>
        <v>0</v>
      </c>
      <c r="K212" s="68" t="str">
        <f t="shared" si="2"/>
        <v/>
      </c>
      <c r="L212" s="117">
        <v>0</v>
      </c>
      <c r="M212" s="117">
        <v>0</v>
      </c>
    </row>
    <row r="213" spans="1:22" s="70" customFormat="1" ht="34.5" customHeight="1" x14ac:dyDescent="0.15">
      <c r="A213" s="193" t="s">
        <v>313</v>
      </c>
      <c r="B213" s="71"/>
      <c r="C213" s="313"/>
      <c r="D213" s="313"/>
      <c r="E213" s="313"/>
      <c r="F213" s="313"/>
      <c r="G213" s="308" t="s">
        <v>70</v>
      </c>
      <c r="H213" s="308"/>
      <c r="I213" s="315"/>
      <c r="J213" s="207">
        <f>IF(SUM(L213:M213)=0,IF(COUNTIF(L213:M213,"未確認")&gt;0,"未確認",IF(COUNTIF(L213:M213,"~*")&gt;0,"*",SUM(L213:M213))),SUM(L213:M213))</f>
        <v>0</v>
      </c>
      <c r="K213" s="68" t="str">
        <f t="shared" si="2"/>
        <v/>
      </c>
      <c r="L213" s="118">
        <v>0</v>
      </c>
      <c r="M213" s="118">
        <v>0</v>
      </c>
    </row>
    <row r="214" spans="1:22" s="70" customFormat="1" ht="34.5" customHeight="1" x14ac:dyDescent="0.15">
      <c r="A214" s="193" t="s">
        <v>314</v>
      </c>
      <c r="B214" s="71"/>
      <c r="C214" s="308" t="s">
        <v>83</v>
      </c>
      <c r="D214" s="309"/>
      <c r="E214" s="309"/>
      <c r="F214" s="309"/>
      <c r="G214" s="308" t="s">
        <v>68</v>
      </c>
      <c r="H214" s="308"/>
      <c r="I214" s="315"/>
      <c r="J214" s="207">
        <f>IF(SUM(L214:M214)=0,IF(COUNTIF(L214:M214,"未確認")&gt;0,"未確認",IF(COUNTIF(L214:M214,"~*")&gt;0,"*",SUM(L214:M214))),SUM(L214:M214))</f>
        <v>0</v>
      </c>
      <c r="K214" s="68" t="str">
        <f t="shared" si="2"/>
        <v/>
      </c>
      <c r="L214" s="117">
        <v>0</v>
      </c>
      <c r="M214" s="117">
        <v>0</v>
      </c>
    </row>
    <row r="215" spans="1:22" s="70" customFormat="1" ht="34.5" customHeight="1" x14ac:dyDescent="0.15">
      <c r="A215" s="193" t="s">
        <v>314</v>
      </c>
      <c r="B215" s="71"/>
      <c r="C215" s="309"/>
      <c r="D215" s="309"/>
      <c r="E215" s="309"/>
      <c r="F215" s="309"/>
      <c r="G215" s="308" t="s">
        <v>70</v>
      </c>
      <c r="H215" s="308"/>
      <c r="I215" s="316"/>
      <c r="J215" s="207">
        <f>IF(SUM(L215:M215)=0,IF(COUNTIF(L215:M215,"未確認")&gt;0,"未確認",IF(COUNTIF(L215:M215,"~*")&gt;0,"*",SUM(L215:M215))),SUM(L215:M215))</f>
        <v>0</v>
      </c>
      <c r="K215" s="68" t="str">
        <f t="shared" si="2"/>
        <v/>
      </c>
      <c r="L215" s="118">
        <v>0</v>
      </c>
      <c r="M215" s="118">
        <v>0</v>
      </c>
    </row>
    <row r="216" spans="1:22" s="77" customFormat="1" x14ac:dyDescent="0.15">
      <c r="A216" s="188"/>
      <c r="B216" s="14"/>
      <c r="C216" s="14"/>
      <c r="D216" s="14"/>
      <c r="E216" s="14"/>
      <c r="F216" s="14"/>
      <c r="G216" s="14"/>
      <c r="H216" s="10"/>
      <c r="I216" s="10"/>
      <c r="J216" s="74"/>
      <c r="K216" s="75"/>
      <c r="L216" s="76"/>
      <c r="M216" s="76"/>
      <c r="N216" s="76"/>
      <c r="O216" s="76"/>
      <c r="P216" s="76"/>
      <c r="Q216" s="76"/>
      <c r="R216" s="76"/>
      <c r="S216" s="76"/>
      <c r="T216" s="76"/>
      <c r="U216" s="76"/>
      <c r="V216" s="76"/>
    </row>
    <row r="217" spans="1:22" x14ac:dyDescent="0.15">
      <c r="A217" s="188"/>
      <c r="B217" s="14"/>
      <c r="C217" s="14"/>
      <c r="D217" s="14"/>
      <c r="E217" s="14"/>
      <c r="F217" s="14"/>
      <c r="G217" s="14"/>
      <c r="H217" s="10"/>
      <c r="I217" s="10"/>
      <c r="L217" s="64"/>
      <c r="M217" s="119"/>
      <c r="N217" s="119"/>
      <c r="O217" s="64"/>
      <c r="P217" s="64"/>
      <c r="Q217" s="64"/>
      <c r="R217" s="64"/>
      <c r="S217" s="64"/>
      <c r="T217" s="64"/>
      <c r="U217" s="64"/>
      <c r="V217" s="64"/>
    </row>
    <row r="218" spans="1:22" ht="34.5" customHeight="1" x14ac:dyDescent="0.15">
      <c r="A218" s="188"/>
      <c r="B218" s="14"/>
      <c r="C218" s="3"/>
      <c r="D218" s="3"/>
      <c r="F218" s="3"/>
      <c r="G218" s="3"/>
      <c r="H218" s="228"/>
      <c r="I218" s="228"/>
      <c r="J218" s="65" t="s">
        <v>27</v>
      </c>
      <c r="K218" s="66"/>
      <c r="L218" s="222" t="s">
        <v>84</v>
      </c>
      <c r="M218" s="8"/>
      <c r="N218" s="8"/>
      <c r="O218" s="113"/>
      <c r="P218" s="113"/>
      <c r="Q218" s="113"/>
      <c r="R218" s="113"/>
      <c r="S218" s="113"/>
      <c r="T218" s="113"/>
      <c r="U218" s="113"/>
      <c r="V218" s="113"/>
    </row>
    <row r="219" spans="1:22" ht="20.25" customHeight="1" x14ac:dyDescent="0.15">
      <c r="A219" s="188"/>
      <c r="B219" s="1"/>
      <c r="C219" s="52"/>
      <c r="D219" s="3"/>
      <c r="F219" s="3"/>
      <c r="G219" s="3"/>
      <c r="H219" s="228"/>
      <c r="I219" s="57" t="s">
        <v>28</v>
      </c>
      <c r="J219" s="58"/>
      <c r="K219" s="67"/>
      <c r="L219" s="120" t="s">
        <v>85</v>
      </c>
      <c r="M219" s="222" t="s">
        <v>86</v>
      </c>
      <c r="N219" s="222" t="s">
        <v>87</v>
      </c>
      <c r="O219" s="113"/>
      <c r="P219" s="113"/>
      <c r="Q219" s="113"/>
      <c r="R219" s="113"/>
      <c r="S219" s="113"/>
      <c r="T219" s="113"/>
      <c r="U219" s="113"/>
      <c r="V219" s="8"/>
    </row>
    <row r="220" spans="1:22" s="70" customFormat="1" ht="34.5" customHeight="1" x14ac:dyDescent="0.15">
      <c r="A220" s="193" t="s">
        <v>315</v>
      </c>
      <c r="B220" s="100"/>
      <c r="C220" s="308" t="s">
        <v>72</v>
      </c>
      <c r="D220" s="308"/>
      <c r="E220" s="308"/>
      <c r="F220" s="308"/>
      <c r="G220" s="261" t="s">
        <v>68</v>
      </c>
      <c r="H220" s="263"/>
      <c r="I220" s="317" t="s">
        <v>88</v>
      </c>
      <c r="J220" s="121"/>
      <c r="K220" s="122"/>
      <c r="L220" s="117">
        <v>0</v>
      </c>
      <c r="M220" s="117">
        <v>2</v>
      </c>
      <c r="N220" s="117">
        <v>2</v>
      </c>
      <c r="O220" s="113"/>
      <c r="P220" s="113"/>
      <c r="Q220" s="113"/>
      <c r="R220" s="113"/>
      <c r="S220" s="113"/>
      <c r="T220" s="113"/>
      <c r="U220" s="113"/>
    </row>
    <row r="221" spans="1:22" s="70" customFormat="1" ht="34.5" customHeight="1" x14ac:dyDescent="0.15">
      <c r="A221" s="193" t="s">
        <v>315</v>
      </c>
      <c r="B221" s="100"/>
      <c r="C221" s="308"/>
      <c r="D221" s="308"/>
      <c r="E221" s="308"/>
      <c r="F221" s="308"/>
      <c r="G221" s="261" t="s">
        <v>70</v>
      </c>
      <c r="H221" s="263"/>
      <c r="I221" s="318"/>
      <c r="J221" s="121"/>
      <c r="K221" s="123"/>
      <c r="L221" s="118">
        <v>0</v>
      </c>
      <c r="M221" s="118">
        <v>2.5</v>
      </c>
      <c r="N221" s="118">
        <v>0</v>
      </c>
      <c r="O221" s="113"/>
      <c r="P221" s="113"/>
      <c r="Q221" s="113"/>
      <c r="R221" s="113"/>
      <c r="S221" s="113"/>
      <c r="T221" s="113"/>
      <c r="U221" s="113"/>
    </row>
    <row r="222" spans="1:22" s="70" customFormat="1" ht="34.5" customHeight="1" x14ac:dyDescent="0.15">
      <c r="A222" s="193" t="s">
        <v>316</v>
      </c>
      <c r="B222" s="100"/>
      <c r="C222" s="308" t="s">
        <v>73</v>
      </c>
      <c r="D222" s="313"/>
      <c r="E222" s="313"/>
      <c r="F222" s="313"/>
      <c r="G222" s="261" t="s">
        <v>68</v>
      </c>
      <c r="H222" s="263"/>
      <c r="I222" s="318"/>
      <c r="J222" s="121"/>
      <c r="K222" s="122"/>
      <c r="L222" s="117">
        <v>0</v>
      </c>
      <c r="M222" s="117">
        <v>0</v>
      </c>
      <c r="N222" s="117">
        <v>0</v>
      </c>
      <c r="O222" s="113"/>
      <c r="P222" s="113"/>
      <c r="Q222" s="113"/>
      <c r="R222" s="113"/>
      <c r="S222" s="113"/>
      <c r="T222" s="113"/>
      <c r="U222" s="113"/>
    </row>
    <row r="223" spans="1:22" s="70" customFormat="1" ht="34.5" customHeight="1" x14ac:dyDescent="0.15">
      <c r="A223" s="193" t="s">
        <v>316</v>
      </c>
      <c r="B223" s="100"/>
      <c r="C223" s="313"/>
      <c r="D223" s="313"/>
      <c r="E223" s="313"/>
      <c r="F223" s="313"/>
      <c r="G223" s="261" t="s">
        <v>70</v>
      </c>
      <c r="H223" s="263"/>
      <c r="I223" s="318"/>
      <c r="J223" s="121"/>
      <c r="K223" s="123"/>
      <c r="L223" s="118">
        <v>0</v>
      </c>
      <c r="M223" s="118">
        <v>0</v>
      </c>
      <c r="N223" s="118">
        <v>0</v>
      </c>
      <c r="O223" s="113"/>
      <c r="P223" s="113"/>
      <c r="Q223" s="113"/>
      <c r="R223" s="113"/>
      <c r="S223" s="113"/>
      <c r="T223" s="113"/>
      <c r="U223" s="113"/>
    </row>
    <row r="224" spans="1:22" s="70" customFormat="1" ht="34.5" customHeight="1" x14ac:dyDescent="0.15">
      <c r="A224" s="193" t="s">
        <v>317</v>
      </c>
      <c r="B224" s="100"/>
      <c r="C224" s="308" t="s">
        <v>74</v>
      </c>
      <c r="D224" s="313"/>
      <c r="E224" s="313"/>
      <c r="F224" s="313"/>
      <c r="G224" s="261" t="s">
        <v>68</v>
      </c>
      <c r="H224" s="263"/>
      <c r="I224" s="318"/>
      <c r="J224" s="121"/>
      <c r="K224" s="122"/>
      <c r="L224" s="117">
        <v>0</v>
      </c>
      <c r="M224" s="117">
        <v>0</v>
      </c>
      <c r="N224" s="117">
        <v>0</v>
      </c>
      <c r="O224" s="113"/>
      <c r="P224" s="113"/>
      <c r="Q224" s="113"/>
      <c r="R224" s="113"/>
      <c r="S224" s="113"/>
      <c r="T224" s="113"/>
      <c r="U224" s="113"/>
    </row>
    <row r="225" spans="1:22" s="70" customFormat="1" ht="34.5" customHeight="1" x14ac:dyDescent="0.15">
      <c r="A225" s="193" t="s">
        <v>317</v>
      </c>
      <c r="B225" s="100"/>
      <c r="C225" s="313"/>
      <c r="D225" s="313"/>
      <c r="E225" s="313"/>
      <c r="F225" s="313"/>
      <c r="G225" s="261" t="s">
        <v>70</v>
      </c>
      <c r="H225" s="263"/>
      <c r="I225" s="318"/>
      <c r="J225" s="121"/>
      <c r="K225" s="123"/>
      <c r="L225" s="118">
        <v>0</v>
      </c>
      <c r="M225" s="118">
        <v>0</v>
      </c>
      <c r="N225" s="118">
        <v>0</v>
      </c>
      <c r="O225" s="113"/>
      <c r="P225" s="113"/>
      <c r="Q225" s="113"/>
      <c r="R225" s="113"/>
      <c r="S225" s="113"/>
      <c r="T225" s="113"/>
      <c r="U225" s="113"/>
    </row>
    <row r="226" spans="1:22" s="70" customFormat="1" ht="34.5" customHeight="1" x14ac:dyDescent="0.15">
      <c r="A226" s="193" t="s">
        <v>318</v>
      </c>
      <c r="B226" s="100"/>
      <c r="C226" s="308" t="s">
        <v>75</v>
      </c>
      <c r="D226" s="313"/>
      <c r="E226" s="313"/>
      <c r="F226" s="313"/>
      <c r="G226" s="261" t="s">
        <v>68</v>
      </c>
      <c r="H226" s="263"/>
      <c r="I226" s="318"/>
      <c r="J226" s="121"/>
      <c r="K226" s="122"/>
      <c r="L226" s="117">
        <v>0</v>
      </c>
      <c r="M226" s="117">
        <v>0</v>
      </c>
      <c r="N226" s="117">
        <v>0</v>
      </c>
      <c r="O226" s="113"/>
      <c r="P226" s="113"/>
      <c r="Q226" s="113"/>
      <c r="R226" s="113"/>
      <c r="S226" s="113"/>
      <c r="T226" s="113"/>
      <c r="U226" s="113"/>
    </row>
    <row r="227" spans="1:22" s="70" customFormat="1" ht="34.5" customHeight="1" x14ac:dyDescent="0.15">
      <c r="A227" s="193" t="s">
        <v>318</v>
      </c>
      <c r="B227" s="71"/>
      <c r="C227" s="313"/>
      <c r="D227" s="313"/>
      <c r="E227" s="313"/>
      <c r="F227" s="313"/>
      <c r="G227" s="261" t="s">
        <v>70</v>
      </c>
      <c r="H227" s="263"/>
      <c r="I227" s="318"/>
      <c r="J227" s="121"/>
      <c r="K227" s="123"/>
      <c r="L227" s="118">
        <v>0</v>
      </c>
      <c r="M227" s="118">
        <v>0</v>
      </c>
      <c r="N227" s="118">
        <v>0</v>
      </c>
      <c r="O227" s="113"/>
      <c r="P227" s="113"/>
      <c r="Q227" s="113"/>
      <c r="R227" s="113"/>
      <c r="S227" s="113"/>
      <c r="T227" s="113"/>
      <c r="U227" s="113"/>
    </row>
    <row r="228" spans="1:22" s="70" customFormat="1" ht="34.5" customHeight="1" x14ac:dyDescent="0.15">
      <c r="A228" s="193" t="s">
        <v>319</v>
      </c>
      <c r="B228" s="71"/>
      <c r="C228" s="308" t="s">
        <v>76</v>
      </c>
      <c r="D228" s="313"/>
      <c r="E228" s="313"/>
      <c r="F228" s="313"/>
      <c r="G228" s="261" t="s">
        <v>68</v>
      </c>
      <c r="H228" s="263"/>
      <c r="I228" s="318"/>
      <c r="J228" s="121"/>
      <c r="K228" s="122"/>
      <c r="L228" s="117">
        <v>0</v>
      </c>
      <c r="M228" s="117">
        <v>0</v>
      </c>
      <c r="N228" s="117">
        <v>10</v>
      </c>
      <c r="O228" s="113"/>
      <c r="P228" s="113"/>
      <c r="Q228" s="113"/>
      <c r="R228" s="113"/>
      <c r="S228" s="113"/>
      <c r="T228" s="113"/>
      <c r="U228" s="113"/>
    </row>
    <row r="229" spans="1:22" s="70" customFormat="1" ht="34.5" customHeight="1" x14ac:dyDescent="0.15">
      <c r="A229" s="193" t="s">
        <v>319</v>
      </c>
      <c r="B229" s="71"/>
      <c r="C229" s="313"/>
      <c r="D229" s="313"/>
      <c r="E229" s="313"/>
      <c r="F229" s="313"/>
      <c r="G229" s="261" t="s">
        <v>70</v>
      </c>
      <c r="H229" s="263"/>
      <c r="I229" s="318"/>
      <c r="J229" s="121"/>
      <c r="K229" s="123"/>
      <c r="L229" s="118">
        <v>0</v>
      </c>
      <c r="M229" s="118">
        <v>0</v>
      </c>
      <c r="N229" s="118">
        <v>0.5</v>
      </c>
      <c r="O229" s="113"/>
      <c r="P229" s="113"/>
      <c r="Q229" s="113"/>
      <c r="R229" s="113"/>
      <c r="S229" s="113"/>
      <c r="T229" s="113"/>
      <c r="U229" s="113"/>
    </row>
    <row r="230" spans="1:22" s="70" customFormat="1" ht="34.5" customHeight="1" x14ac:dyDescent="0.15">
      <c r="A230" s="193" t="s">
        <v>320</v>
      </c>
      <c r="B230" s="71"/>
      <c r="C230" s="308" t="s">
        <v>77</v>
      </c>
      <c r="D230" s="313"/>
      <c r="E230" s="313"/>
      <c r="F230" s="313"/>
      <c r="G230" s="261" t="s">
        <v>68</v>
      </c>
      <c r="H230" s="263"/>
      <c r="I230" s="318"/>
      <c r="J230" s="121"/>
      <c r="K230" s="122"/>
      <c r="L230" s="117">
        <v>0</v>
      </c>
      <c r="M230" s="117">
        <v>0</v>
      </c>
      <c r="N230" s="117">
        <v>11</v>
      </c>
      <c r="O230" s="113"/>
      <c r="P230" s="113"/>
      <c r="Q230" s="113"/>
      <c r="R230" s="113"/>
      <c r="S230" s="113"/>
      <c r="T230" s="113"/>
      <c r="U230" s="113"/>
    </row>
    <row r="231" spans="1:22" s="70" customFormat="1" ht="34.5" customHeight="1" x14ac:dyDescent="0.15">
      <c r="A231" s="193" t="s">
        <v>320</v>
      </c>
      <c r="B231" s="71"/>
      <c r="C231" s="313"/>
      <c r="D231" s="313"/>
      <c r="E231" s="313"/>
      <c r="F231" s="313"/>
      <c r="G231" s="261" t="s">
        <v>70</v>
      </c>
      <c r="H231" s="263"/>
      <c r="I231" s="318"/>
      <c r="J231" s="121"/>
      <c r="K231" s="123"/>
      <c r="L231" s="118">
        <v>0</v>
      </c>
      <c r="M231" s="118">
        <v>0</v>
      </c>
      <c r="N231" s="118">
        <v>0</v>
      </c>
      <c r="O231" s="113"/>
      <c r="P231" s="113"/>
      <c r="Q231" s="113"/>
      <c r="R231" s="113"/>
      <c r="S231" s="113"/>
      <c r="T231" s="113"/>
      <c r="U231" s="113"/>
    </row>
    <row r="232" spans="1:22" s="70" customFormat="1" ht="34.5" customHeight="1" x14ac:dyDescent="0.15">
      <c r="A232" s="193" t="s">
        <v>321</v>
      </c>
      <c r="B232" s="71"/>
      <c r="C232" s="308" t="s">
        <v>78</v>
      </c>
      <c r="D232" s="313"/>
      <c r="E232" s="313"/>
      <c r="F232" s="313"/>
      <c r="G232" s="261" t="s">
        <v>68</v>
      </c>
      <c r="H232" s="263"/>
      <c r="I232" s="318"/>
      <c r="J232" s="121"/>
      <c r="K232" s="122"/>
      <c r="L232" s="117">
        <v>0</v>
      </c>
      <c r="M232" s="117">
        <v>0</v>
      </c>
      <c r="N232" s="117">
        <v>6</v>
      </c>
      <c r="O232" s="113"/>
      <c r="P232" s="113"/>
      <c r="Q232" s="113"/>
      <c r="R232" s="113"/>
      <c r="S232" s="113"/>
      <c r="T232" s="113"/>
      <c r="U232" s="113"/>
    </row>
    <row r="233" spans="1:22" s="70" customFormat="1" ht="34.5" customHeight="1" x14ac:dyDescent="0.15">
      <c r="A233" s="193" t="s">
        <v>321</v>
      </c>
      <c r="B233" s="71"/>
      <c r="C233" s="313"/>
      <c r="D233" s="313"/>
      <c r="E233" s="313"/>
      <c r="F233" s="313"/>
      <c r="G233" s="261" t="s">
        <v>70</v>
      </c>
      <c r="H233" s="263"/>
      <c r="I233" s="318"/>
      <c r="J233" s="121"/>
      <c r="K233" s="123"/>
      <c r="L233" s="118">
        <v>0</v>
      </c>
      <c r="M233" s="118">
        <v>0</v>
      </c>
      <c r="N233" s="118">
        <v>0</v>
      </c>
      <c r="O233" s="113"/>
      <c r="P233" s="113"/>
      <c r="Q233" s="113"/>
      <c r="R233" s="113"/>
      <c r="S233" s="113"/>
      <c r="T233" s="113"/>
      <c r="U233" s="113"/>
    </row>
    <row r="234" spans="1:22" s="70" customFormat="1" ht="34.5" customHeight="1" x14ac:dyDescent="0.15">
      <c r="A234" s="193" t="s">
        <v>322</v>
      </c>
      <c r="B234" s="71"/>
      <c r="C234" s="308" t="s">
        <v>79</v>
      </c>
      <c r="D234" s="313"/>
      <c r="E234" s="313"/>
      <c r="F234" s="313"/>
      <c r="G234" s="261" t="s">
        <v>68</v>
      </c>
      <c r="H234" s="263"/>
      <c r="I234" s="318"/>
      <c r="J234" s="121"/>
      <c r="K234" s="122"/>
      <c r="L234" s="117">
        <v>0</v>
      </c>
      <c r="M234" s="117">
        <v>0</v>
      </c>
      <c r="N234" s="117">
        <v>2</v>
      </c>
      <c r="O234" s="113"/>
      <c r="P234" s="113"/>
      <c r="Q234" s="113"/>
      <c r="R234" s="113"/>
      <c r="S234" s="113"/>
      <c r="T234" s="113"/>
      <c r="U234" s="113"/>
    </row>
    <row r="235" spans="1:22" s="70" customFormat="1" ht="34.5" customHeight="1" x14ac:dyDescent="0.15">
      <c r="A235" s="193" t="s">
        <v>322</v>
      </c>
      <c r="B235" s="71"/>
      <c r="C235" s="313"/>
      <c r="D235" s="313"/>
      <c r="E235" s="313"/>
      <c r="F235" s="313"/>
      <c r="G235" s="261" t="s">
        <v>70</v>
      </c>
      <c r="H235" s="263"/>
      <c r="I235" s="318"/>
      <c r="J235" s="121"/>
      <c r="K235" s="123"/>
      <c r="L235" s="118">
        <v>0</v>
      </c>
      <c r="M235" s="118">
        <v>0</v>
      </c>
      <c r="N235" s="118">
        <v>0</v>
      </c>
      <c r="O235" s="113"/>
      <c r="P235" s="113"/>
      <c r="Q235" s="113"/>
      <c r="R235" s="113"/>
      <c r="S235" s="113"/>
      <c r="T235" s="113"/>
      <c r="U235" s="113"/>
    </row>
    <row r="236" spans="1:22" s="70" customFormat="1" ht="34.5" customHeight="1" x14ac:dyDescent="0.15">
      <c r="A236" s="193" t="s">
        <v>323</v>
      </c>
      <c r="B236" s="71"/>
      <c r="C236" s="308" t="s">
        <v>89</v>
      </c>
      <c r="D236" s="313"/>
      <c r="E236" s="313"/>
      <c r="F236" s="313"/>
      <c r="G236" s="261" t="s">
        <v>68</v>
      </c>
      <c r="H236" s="263"/>
      <c r="I236" s="318"/>
      <c r="J236" s="121"/>
      <c r="K236" s="122"/>
      <c r="L236" s="117">
        <v>0</v>
      </c>
      <c r="M236" s="117">
        <v>0</v>
      </c>
      <c r="N236" s="117">
        <v>0</v>
      </c>
      <c r="O236" s="113"/>
      <c r="P236" s="113"/>
      <c r="Q236" s="113"/>
      <c r="R236" s="113"/>
      <c r="S236" s="113"/>
      <c r="T236" s="113"/>
      <c r="U236" s="113"/>
    </row>
    <row r="237" spans="1:22" s="70" customFormat="1" ht="34.5" customHeight="1" x14ac:dyDescent="0.15">
      <c r="A237" s="193" t="s">
        <v>323</v>
      </c>
      <c r="B237" s="71"/>
      <c r="C237" s="313"/>
      <c r="D237" s="313"/>
      <c r="E237" s="313"/>
      <c r="F237" s="313"/>
      <c r="G237" s="261" t="s">
        <v>70</v>
      </c>
      <c r="H237" s="263"/>
      <c r="I237" s="318"/>
      <c r="J237" s="121"/>
      <c r="K237" s="123"/>
      <c r="L237" s="118">
        <v>0</v>
      </c>
      <c r="M237" s="118">
        <v>0</v>
      </c>
      <c r="N237" s="118">
        <v>0</v>
      </c>
      <c r="O237" s="113"/>
      <c r="P237" s="113"/>
      <c r="Q237" s="113"/>
      <c r="R237" s="113"/>
      <c r="S237" s="113"/>
      <c r="T237" s="113"/>
      <c r="U237" s="113"/>
    </row>
    <row r="238" spans="1:22" s="70" customFormat="1" ht="34.5" customHeight="1" x14ac:dyDescent="0.15">
      <c r="A238" s="193" t="s">
        <v>324</v>
      </c>
      <c r="B238" s="71"/>
      <c r="C238" s="308" t="s">
        <v>83</v>
      </c>
      <c r="D238" s="309"/>
      <c r="E238" s="309"/>
      <c r="F238" s="309"/>
      <c r="G238" s="261" t="s">
        <v>68</v>
      </c>
      <c r="H238" s="263"/>
      <c r="I238" s="318"/>
      <c r="J238" s="121"/>
      <c r="K238" s="124"/>
      <c r="L238" s="117">
        <v>0</v>
      </c>
      <c r="M238" s="117">
        <v>0</v>
      </c>
      <c r="N238" s="117">
        <v>2</v>
      </c>
      <c r="O238" s="113"/>
      <c r="P238" s="113"/>
      <c r="Q238" s="113"/>
      <c r="R238" s="113"/>
      <c r="S238" s="113"/>
      <c r="T238" s="113"/>
      <c r="U238" s="113"/>
    </row>
    <row r="239" spans="1:22" s="70" customFormat="1" ht="34.5" customHeight="1" x14ac:dyDescent="0.15">
      <c r="A239" s="193" t="s">
        <v>324</v>
      </c>
      <c r="B239" s="71"/>
      <c r="C239" s="309"/>
      <c r="D239" s="309"/>
      <c r="E239" s="309"/>
      <c r="F239" s="309"/>
      <c r="G239" s="261" t="s">
        <v>70</v>
      </c>
      <c r="H239" s="263"/>
      <c r="I239" s="319"/>
      <c r="J239" s="125"/>
      <c r="K239" s="126"/>
      <c r="L239" s="118">
        <v>0</v>
      </c>
      <c r="M239" s="118">
        <v>0</v>
      </c>
      <c r="N239" s="118">
        <v>0</v>
      </c>
      <c r="O239" s="113"/>
      <c r="P239" s="113"/>
      <c r="Q239" s="113"/>
      <c r="R239" s="113"/>
      <c r="S239" s="113"/>
      <c r="T239" s="113"/>
      <c r="U239" s="113"/>
    </row>
    <row r="240" spans="1:22" s="77" customFormat="1" x14ac:dyDescent="0.15">
      <c r="A240" s="188"/>
      <c r="B240" s="14"/>
      <c r="C240" s="14"/>
      <c r="D240" s="14"/>
      <c r="E240" s="14"/>
      <c r="F240" s="14"/>
      <c r="G240" s="14"/>
      <c r="H240" s="10"/>
      <c r="I240" s="10"/>
      <c r="J240" s="74"/>
      <c r="K240" s="75"/>
      <c r="L240" s="76"/>
      <c r="M240" s="76"/>
      <c r="N240" s="76"/>
      <c r="O240" s="76"/>
      <c r="P240" s="76"/>
      <c r="Q240" s="76"/>
      <c r="R240" s="76"/>
      <c r="S240" s="76"/>
      <c r="T240" s="76"/>
      <c r="U240" s="76"/>
      <c r="V240" s="76"/>
    </row>
    <row r="241" spans="1:22" s="70" customFormat="1" x14ac:dyDescent="0.15">
      <c r="A241" s="188"/>
      <c r="B241" s="71"/>
      <c r="C241" s="52"/>
      <c r="D241" s="52"/>
      <c r="E241" s="52"/>
      <c r="F241" s="52"/>
      <c r="G241" s="52"/>
      <c r="H241" s="78"/>
      <c r="I241" s="78"/>
      <c r="J241" s="74"/>
      <c r="K241" s="75"/>
      <c r="L241" s="76"/>
      <c r="M241" s="76"/>
      <c r="N241" s="76"/>
      <c r="O241" s="76"/>
      <c r="P241" s="76"/>
      <c r="Q241" s="76"/>
      <c r="R241" s="76"/>
      <c r="S241" s="76"/>
      <c r="T241" s="76"/>
      <c r="U241" s="76"/>
      <c r="V241" s="76"/>
    </row>
    <row r="242" spans="1:22" s="77" customFormat="1" x14ac:dyDescent="0.15">
      <c r="A242" s="188"/>
      <c r="B242" s="71"/>
      <c r="C242" s="3"/>
      <c r="D242" s="3"/>
      <c r="E242" s="3"/>
      <c r="F242" s="3"/>
      <c r="G242" s="3"/>
      <c r="H242" s="228"/>
      <c r="I242" s="228"/>
      <c r="J242" s="89"/>
      <c r="K242" s="24"/>
      <c r="L242" s="89"/>
      <c r="M242" s="89"/>
      <c r="N242" s="89"/>
      <c r="O242" s="89"/>
      <c r="P242" s="89"/>
      <c r="Q242" s="89"/>
      <c r="R242" s="89"/>
      <c r="S242" s="89"/>
      <c r="T242" s="89"/>
      <c r="U242" s="89"/>
      <c r="V242" s="89"/>
    </row>
    <row r="243" spans="1:22" s="77" customFormat="1" x14ac:dyDescent="0.15">
      <c r="A243" s="188"/>
      <c r="B243" s="14" t="s">
        <v>90</v>
      </c>
      <c r="C243" s="14"/>
      <c r="D243" s="14"/>
      <c r="E243" s="14"/>
      <c r="F243" s="14"/>
      <c r="G243" s="14"/>
      <c r="H243" s="10"/>
      <c r="I243" s="10"/>
      <c r="J243" s="89"/>
      <c r="K243" s="24"/>
      <c r="L243" s="89"/>
      <c r="M243" s="89"/>
      <c r="N243" s="89"/>
      <c r="O243" s="89"/>
      <c r="P243" s="89"/>
      <c r="Q243" s="89"/>
      <c r="R243" s="89"/>
      <c r="S243" s="89"/>
      <c r="T243" s="89"/>
      <c r="U243" s="89"/>
      <c r="V243" s="89"/>
    </row>
    <row r="244" spans="1:22" x14ac:dyDescent="0.15">
      <c r="A244" s="188"/>
      <c r="B244" s="14"/>
      <c r="C244" s="14"/>
      <c r="D244" s="14"/>
      <c r="E244" s="14"/>
      <c r="F244" s="14"/>
      <c r="G244" s="14"/>
      <c r="H244" s="10"/>
      <c r="I244" s="10"/>
      <c r="L244" s="185"/>
      <c r="M244" s="185"/>
      <c r="N244" s="185"/>
      <c r="O244" s="185"/>
      <c r="P244" s="185"/>
      <c r="Q244" s="185"/>
      <c r="R244" s="64"/>
      <c r="S244" s="64"/>
      <c r="T244" s="64"/>
      <c r="U244" s="64"/>
      <c r="V244" s="64"/>
    </row>
    <row r="245" spans="1:22" ht="34.5" customHeight="1" x14ac:dyDescent="0.15">
      <c r="A245" s="188"/>
      <c r="B245" s="14"/>
      <c r="C245" s="3"/>
      <c r="D245" s="3"/>
      <c r="F245" s="3"/>
      <c r="G245" s="3"/>
      <c r="H245" s="228"/>
      <c r="I245" s="228"/>
      <c r="J245" s="65" t="s">
        <v>27</v>
      </c>
      <c r="K245" s="66"/>
      <c r="L245" s="56" t="s">
        <v>431</v>
      </c>
      <c r="M245" s="56" t="s">
        <v>434</v>
      </c>
      <c r="N245" s="8"/>
      <c r="O245" s="8"/>
      <c r="P245" s="8"/>
      <c r="Q245" s="8"/>
      <c r="R245" s="8"/>
      <c r="S245" s="8"/>
      <c r="T245" s="8"/>
      <c r="U245" s="8"/>
      <c r="V245" s="8"/>
    </row>
    <row r="246" spans="1:22" ht="20.25" customHeight="1" x14ac:dyDescent="0.15">
      <c r="A246" s="188"/>
      <c r="B246" s="1"/>
      <c r="C246" s="52"/>
      <c r="D246" s="3"/>
      <c r="F246" s="3"/>
      <c r="G246" s="3"/>
      <c r="H246" s="228"/>
      <c r="I246" s="57" t="s">
        <v>28</v>
      </c>
      <c r="J246" s="58"/>
      <c r="K246" s="67"/>
      <c r="L246" s="60" t="s">
        <v>432</v>
      </c>
      <c r="M246" s="111" t="s">
        <v>432</v>
      </c>
      <c r="N246" s="8"/>
      <c r="O246" s="8"/>
      <c r="P246" s="8"/>
      <c r="Q246" s="8"/>
      <c r="R246" s="8"/>
      <c r="S246" s="8"/>
      <c r="T246" s="8"/>
      <c r="U246" s="8"/>
      <c r="V246" s="8"/>
    </row>
    <row r="247" spans="1:22" s="70" customFormat="1" ht="34.5" customHeight="1" x14ac:dyDescent="0.15">
      <c r="A247" s="193" t="s">
        <v>325</v>
      </c>
      <c r="B247" s="1"/>
      <c r="C247" s="261" t="s">
        <v>91</v>
      </c>
      <c r="D247" s="262"/>
      <c r="E247" s="262"/>
      <c r="F247" s="262"/>
      <c r="G247" s="262"/>
      <c r="H247" s="263"/>
      <c r="I247" s="321" t="s">
        <v>92</v>
      </c>
      <c r="J247" s="203" t="s">
        <v>428</v>
      </c>
      <c r="K247" s="68"/>
      <c r="L247" s="209"/>
      <c r="M247" s="127"/>
    </row>
    <row r="248" spans="1:22" s="70" customFormat="1" ht="34.5" customHeight="1" x14ac:dyDescent="0.15">
      <c r="A248" s="193" t="s">
        <v>326</v>
      </c>
      <c r="B248" s="128"/>
      <c r="C248" s="322" t="s">
        <v>93</v>
      </c>
      <c r="D248" s="322"/>
      <c r="E248" s="322"/>
      <c r="F248" s="323"/>
      <c r="G248" s="308" t="s">
        <v>67</v>
      </c>
      <c r="H248" s="229" t="s">
        <v>94</v>
      </c>
      <c r="I248" s="288"/>
      <c r="J248" s="207">
        <v>0</v>
      </c>
      <c r="K248" s="68"/>
      <c r="L248" s="210"/>
      <c r="M248" s="129"/>
    </row>
    <row r="249" spans="1:22" s="70" customFormat="1" ht="34.5" customHeight="1" x14ac:dyDescent="0.15">
      <c r="A249" s="193" t="s">
        <v>326</v>
      </c>
      <c r="B249" s="128"/>
      <c r="C249" s="308"/>
      <c r="D249" s="308"/>
      <c r="E249" s="308"/>
      <c r="F249" s="313"/>
      <c r="G249" s="308"/>
      <c r="H249" s="229" t="s">
        <v>95</v>
      </c>
      <c r="I249" s="288"/>
      <c r="J249" s="208">
        <v>0</v>
      </c>
      <c r="K249" s="68"/>
      <c r="L249" s="210"/>
      <c r="M249" s="129"/>
    </row>
    <row r="250" spans="1:22" s="70" customFormat="1" ht="34.5" customHeight="1" x14ac:dyDescent="0.15">
      <c r="A250" s="193" t="s">
        <v>327</v>
      </c>
      <c r="B250" s="128"/>
      <c r="C250" s="308"/>
      <c r="D250" s="308"/>
      <c r="E250" s="308"/>
      <c r="F250" s="313"/>
      <c r="G250" s="308" t="s">
        <v>96</v>
      </c>
      <c r="H250" s="229" t="s">
        <v>94</v>
      </c>
      <c r="I250" s="288"/>
      <c r="J250" s="207">
        <v>0</v>
      </c>
      <c r="K250" s="68"/>
      <c r="L250" s="210"/>
      <c r="M250" s="129"/>
    </row>
    <row r="251" spans="1:22" s="70" customFormat="1" ht="34.5" customHeight="1" x14ac:dyDescent="0.15">
      <c r="A251" s="193" t="s">
        <v>327</v>
      </c>
      <c r="B251" s="128"/>
      <c r="C251" s="308"/>
      <c r="D251" s="308"/>
      <c r="E251" s="308"/>
      <c r="F251" s="313"/>
      <c r="G251" s="313"/>
      <c r="H251" s="229" t="s">
        <v>95</v>
      </c>
      <c r="I251" s="288"/>
      <c r="J251" s="208">
        <v>0</v>
      </c>
      <c r="K251" s="68"/>
      <c r="L251" s="210"/>
      <c r="M251" s="129"/>
    </row>
    <row r="252" spans="1:22" s="70" customFormat="1" ht="34.5" customHeight="1" x14ac:dyDescent="0.15">
      <c r="A252" s="193" t="s">
        <v>328</v>
      </c>
      <c r="B252" s="128"/>
      <c r="C252" s="308"/>
      <c r="D252" s="308"/>
      <c r="E252" s="308"/>
      <c r="F252" s="313"/>
      <c r="G252" s="308" t="s">
        <v>97</v>
      </c>
      <c r="H252" s="229" t="s">
        <v>94</v>
      </c>
      <c r="I252" s="288"/>
      <c r="J252" s="207">
        <v>0</v>
      </c>
      <c r="K252" s="68"/>
      <c r="L252" s="210"/>
      <c r="M252" s="129"/>
    </row>
    <row r="253" spans="1:22" s="70" customFormat="1" ht="34.5" customHeight="1" x14ac:dyDescent="0.15">
      <c r="A253" s="193" t="s">
        <v>328</v>
      </c>
      <c r="B253" s="128"/>
      <c r="C253" s="308"/>
      <c r="D253" s="308"/>
      <c r="E253" s="308"/>
      <c r="F253" s="313"/>
      <c r="G253" s="313"/>
      <c r="H253" s="229" t="s">
        <v>95</v>
      </c>
      <c r="I253" s="288"/>
      <c r="J253" s="208">
        <v>0</v>
      </c>
      <c r="K253" s="68"/>
      <c r="L253" s="210"/>
      <c r="M253" s="129"/>
    </row>
    <row r="254" spans="1:22" s="70" customFormat="1" ht="34.5" customHeight="1" x14ac:dyDescent="0.15">
      <c r="A254" s="193" t="s">
        <v>329</v>
      </c>
      <c r="B254" s="128"/>
      <c r="C254" s="308"/>
      <c r="D254" s="308"/>
      <c r="E254" s="308"/>
      <c r="F254" s="313"/>
      <c r="G254" s="335" t="s">
        <v>98</v>
      </c>
      <c r="H254" s="229" t="s">
        <v>94</v>
      </c>
      <c r="I254" s="288"/>
      <c r="J254" s="207">
        <v>0</v>
      </c>
      <c r="K254" s="68"/>
      <c r="L254" s="210"/>
      <c r="M254" s="129"/>
    </row>
    <row r="255" spans="1:22" s="70" customFormat="1" ht="34.5" customHeight="1" x14ac:dyDescent="0.15">
      <c r="A255" s="193" t="s">
        <v>329</v>
      </c>
      <c r="B255" s="128"/>
      <c r="C255" s="308"/>
      <c r="D255" s="308"/>
      <c r="E255" s="308"/>
      <c r="F255" s="313"/>
      <c r="G255" s="313"/>
      <c r="H255" s="229" t="s">
        <v>95</v>
      </c>
      <c r="I255" s="288"/>
      <c r="J255" s="208">
        <v>0</v>
      </c>
      <c r="K255" s="68"/>
      <c r="L255" s="210"/>
      <c r="M255" s="129"/>
    </row>
    <row r="256" spans="1:22" s="70" customFormat="1" ht="34.5" customHeight="1" x14ac:dyDescent="0.15">
      <c r="A256" s="193" t="s">
        <v>330</v>
      </c>
      <c r="B256" s="128"/>
      <c r="C256" s="308"/>
      <c r="D256" s="308"/>
      <c r="E256" s="308"/>
      <c r="F256" s="313"/>
      <c r="G256" s="308" t="s">
        <v>99</v>
      </c>
      <c r="H256" s="229" t="s">
        <v>94</v>
      </c>
      <c r="I256" s="288"/>
      <c r="J256" s="207">
        <v>0</v>
      </c>
      <c r="K256" s="68"/>
      <c r="L256" s="210"/>
      <c r="M256" s="129"/>
    </row>
    <row r="257" spans="1:22" s="70" customFormat="1" ht="34.5" customHeight="1" x14ac:dyDescent="0.15">
      <c r="A257" s="193" t="s">
        <v>330</v>
      </c>
      <c r="B257" s="128"/>
      <c r="C257" s="308"/>
      <c r="D257" s="308"/>
      <c r="E257" s="308"/>
      <c r="F257" s="313"/>
      <c r="G257" s="313"/>
      <c r="H257" s="229" t="s">
        <v>95</v>
      </c>
      <c r="I257" s="288"/>
      <c r="J257" s="208">
        <v>0</v>
      </c>
      <c r="K257" s="68"/>
      <c r="L257" s="210"/>
      <c r="M257" s="129"/>
    </row>
    <row r="258" spans="1:22" s="70" customFormat="1" ht="34.5" customHeight="1" x14ac:dyDescent="0.15">
      <c r="A258" s="193" t="s">
        <v>331</v>
      </c>
      <c r="B258" s="128"/>
      <c r="C258" s="308"/>
      <c r="D258" s="308"/>
      <c r="E258" s="308"/>
      <c r="F258" s="313"/>
      <c r="G258" s="308" t="s">
        <v>87</v>
      </c>
      <c r="H258" s="229" t="s">
        <v>94</v>
      </c>
      <c r="I258" s="288"/>
      <c r="J258" s="207">
        <v>0</v>
      </c>
      <c r="K258" s="68"/>
      <c r="L258" s="210"/>
      <c r="M258" s="129"/>
    </row>
    <row r="259" spans="1:22" s="70" customFormat="1" ht="34.5" customHeight="1" x14ac:dyDescent="0.15">
      <c r="A259" s="193" t="s">
        <v>331</v>
      </c>
      <c r="B259" s="128"/>
      <c r="C259" s="308"/>
      <c r="D259" s="308"/>
      <c r="E259" s="308"/>
      <c r="F259" s="313"/>
      <c r="G259" s="313"/>
      <c r="H259" s="229" t="s">
        <v>95</v>
      </c>
      <c r="I259" s="289"/>
      <c r="J259" s="208">
        <v>0</v>
      </c>
      <c r="K259" s="68"/>
      <c r="L259" s="211"/>
      <c r="M259" s="130"/>
    </row>
    <row r="260" spans="1:22" s="77" customFormat="1" x14ac:dyDescent="0.15">
      <c r="A260" s="188"/>
      <c r="B260" s="14"/>
      <c r="C260" s="14"/>
      <c r="D260" s="14"/>
      <c r="E260" s="14"/>
      <c r="F260" s="14"/>
      <c r="G260" s="14"/>
      <c r="H260" s="10"/>
      <c r="I260" s="10"/>
      <c r="J260" s="74"/>
      <c r="K260" s="75"/>
      <c r="L260" s="89"/>
      <c r="M260" s="89"/>
    </row>
    <row r="261" spans="1:22" s="70" customFormat="1" x14ac:dyDescent="0.15">
      <c r="A261" s="188"/>
      <c r="B261" s="71"/>
      <c r="C261" s="52"/>
      <c r="D261" s="52"/>
      <c r="E261" s="52"/>
      <c r="F261" s="52"/>
      <c r="G261" s="52"/>
      <c r="H261" s="78"/>
      <c r="I261" s="78"/>
      <c r="J261" s="74"/>
      <c r="K261" s="75"/>
      <c r="L261" s="76"/>
      <c r="M261" s="76"/>
    </row>
    <row r="262" spans="1:22" s="77" customFormat="1" x14ac:dyDescent="0.15">
      <c r="A262" s="188"/>
      <c r="B262" s="128"/>
      <c r="C262" s="131"/>
      <c r="D262" s="131"/>
      <c r="E262" s="3"/>
      <c r="F262" s="3"/>
      <c r="G262" s="3"/>
      <c r="H262" s="228"/>
      <c r="I262" s="228"/>
      <c r="J262" s="51"/>
      <c r="K262" s="24"/>
      <c r="L262" s="89"/>
      <c r="M262" s="89"/>
    </row>
    <row r="263" spans="1:22" s="77" customFormat="1" x14ac:dyDescent="0.15">
      <c r="A263" s="188"/>
      <c r="B263" s="14" t="s">
        <v>100</v>
      </c>
      <c r="C263" s="14"/>
      <c r="D263" s="14"/>
      <c r="E263" s="14"/>
      <c r="F263" s="14"/>
      <c r="G263" s="14"/>
      <c r="H263" s="10"/>
      <c r="I263" s="10"/>
      <c r="J263" s="89"/>
      <c r="K263" s="24"/>
      <c r="L263" s="89"/>
      <c r="M263" s="89"/>
    </row>
    <row r="264" spans="1:22" x14ac:dyDescent="0.15">
      <c r="A264" s="188"/>
      <c r="B264" s="14"/>
      <c r="C264" s="14"/>
      <c r="D264" s="14"/>
      <c r="E264" s="14"/>
      <c r="F264" s="14"/>
      <c r="G264" s="14"/>
      <c r="H264" s="10"/>
      <c r="I264" s="10"/>
      <c r="L264" s="185"/>
      <c r="M264" s="185"/>
      <c r="N264" s="8"/>
      <c r="O264" s="8"/>
      <c r="P264" s="8"/>
      <c r="Q264" s="8"/>
      <c r="R264" s="8"/>
      <c r="S264" s="8"/>
      <c r="T264" s="8"/>
      <c r="U264" s="8"/>
      <c r="V264" s="8"/>
    </row>
    <row r="265" spans="1:22" ht="34.5" customHeight="1" x14ac:dyDescent="0.15">
      <c r="A265" s="188"/>
      <c r="B265" s="14"/>
      <c r="C265" s="3"/>
      <c r="D265" s="3"/>
      <c r="F265" s="3"/>
      <c r="G265" s="3"/>
      <c r="H265" s="228"/>
      <c r="I265" s="228"/>
      <c r="J265" s="65" t="s">
        <v>27</v>
      </c>
      <c r="K265" s="66"/>
      <c r="L265" s="56" t="s">
        <v>431</v>
      </c>
      <c r="M265" s="56" t="s">
        <v>434</v>
      </c>
      <c r="N265" s="8"/>
      <c r="O265" s="8"/>
      <c r="P265" s="8"/>
      <c r="Q265" s="8"/>
      <c r="R265" s="8"/>
      <c r="S265" s="8"/>
      <c r="T265" s="8"/>
      <c r="U265" s="8"/>
      <c r="V265" s="8"/>
    </row>
    <row r="266" spans="1:22" ht="20.25" customHeight="1" x14ac:dyDescent="0.15">
      <c r="A266" s="188"/>
      <c r="B266" s="1"/>
      <c r="C266" s="52"/>
      <c r="D266" s="3"/>
      <c r="F266" s="3"/>
      <c r="G266" s="3"/>
      <c r="H266" s="228"/>
      <c r="I266" s="57" t="s">
        <v>28</v>
      </c>
      <c r="J266" s="58"/>
      <c r="K266" s="67"/>
      <c r="L266" s="60" t="s">
        <v>432</v>
      </c>
      <c r="M266" s="111" t="s">
        <v>432</v>
      </c>
      <c r="N266" s="8"/>
      <c r="O266" s="8"/>
      <c r="P266" s="8"/>
      <c r="Q266" s="8"/>
      <c r="R266" s="8"/>
      <c r="S266" s="8"/>
      <c r="T266" s="8"/>
      <c r="U266" s="8"/>
      <c r="V266" s="8"/>
    </row>
    <row r="267" spans="1:22" s="70" customFormat="1" ht="34.5" customHeight="1" x14ac:dyDescent="0.15">
      <c r="A267" s="193" t="s">
        <v>332</v>
      </c>
      <c r="B267" s="1"/>
      <c r="C267" s="267" t="s">
        <v>101</v>
      </c>
      <c r="D267" s="268"/>
      <c r="E267" s="342" t="s">
        <v>102</v>
      </c>
      <c r="F267" s="343"/>
      <c r="G267" s="261" t="s">
        <v>103</v>
      </c>
      <c r="H267" s="263"/>
      <c r="I267" s="321" t="s">
        <v>104</v>
      </c>
      <c r="J267" s="212">
        <v>0</v>
      </c>
      <c r="K267" s="68"/>
      <c r="L267" s="209"/>
      <c r="M267" s="127"/>
    </row>
    <row r="268" spans="1:22" s="70" customFormat="1" ht="34.5" customHeight="1" x14ac:dyDescent="0.15">
      <c r="A268" s="193" t="s">
        <v>333</v>
      </c>
      <c r="B268" s="128"/>
      <c r="C268" s="269"/>
      <c r="D268" s="270"/>
      <c r="E268" s="343"/>
      <c r="F268" s="343"/>
      <c r="G268" s="261" t="s">
        <v>105</v>
      </c>
      <c r="H268" s="263"/>
      <c r="I268" s="288"/>
      <c r="J268" s="212">
        <v>1</v>
      </c>
      <c r="K268" s="68"/>
      <c r="L268" s="210"/>
      <c r="M268" s="129"/>
    </row>
    <row r="269" spans="1:22" s="70" customFormat="1" ht="34.5" customHeight="1" x14ac:dyDescent="0.15">
      <c r="A269" s="193" t="s">
        <v>334</v>
      </c>
      <c r="B269" s="128"/>
      <c r="C269" s="269"/>
      <c r="D269" s="270"/>
      <c r="E269" s="343"/>
      <c r="F269" s="343"/>
      <c r="G269" s="261" t="s">
        <v>106</v>
      </c>
      <c r="H269" s="263"/>
      <c r="I269" s="288"/>
      <c r="J269" s="212">
        <v>0</v>
      </c>
      <c r="K269" s="68"/>
      <c r="L269" s="210"/>
      <c r="M269" s="129"/>
    </row>
    <row r="270" spans="1:22" s="70" customFormat="1" ht="34.5" customHeight="1" x14ac:dyDescent="0.15">
      <c r="A270" s="193" t="s">
        <v>335</v>
      </c>
      <c r="B270" s="128"/>
      <c r="C270" s="271"/>
      <c r="D270" s="272"/>
      <c r="E270" s="261" t="s">
        <v>87</v>
      </c>
      <c r="F270" s="262"/>
      <c r="G270" s="262"/>
      <c r="H270" s="263"/>
      <c r="I270" s="289"/>
      <c r="J270" s="212">
        <v>0</v>
      </c>
      <c r="K270" s="68"/>
      <c r="L270" s="210"/>
      <c r="M270" s="129"/>
    </row>
    <row r="271" spans="1:22" s="70" customFormat="1" ht="34.5" customHeight="1" x14ac:dyDescent="0.15">
      <c r="A271" s="193" t="s">
        <v>336</v>
      </c>
      <c r="B271" s="128"/>
      <c r="C271" s="267" t="s">
        <v>107</v>
      </c>
      <c r="D271" s="324"/>
      <c r="E271" s="261" t="s">
        <v>108</v>
      </c>
      <c r="F271" s="262"/>
      <c r="G271" s="262"/>
      <c r="H271" s="263"/>
      <c r="I271" s="321" t="s">
        <v>109</v>
      </c>
      <c r="J271" s="212">
        <v>0</v>
      </c>
      <c r="K271" s="68"/>
      <c r="L271" s="210"/>
      <c r="M271" s="129"/>
    </row>
    <row r="272" spans="1:22" s="70" customFormat="1" ht="34.5" customHeight="1" x14ac:dyDescent="0.15">
      <c r="A272" s="193" t="s">
        <v>337</v>
      </c>
      <c r="B272" s="128"/>
      <c r="C272" s="325"/>
      <c r="D272" s="326"/>
      <c r="E272" s="261" t="s">
        <v>110</v>
      </c>
      <c r="F272" s="262"/>
      <c r="G272" s="262"/>
      <c r="H272" s="263"/>
      <c r="I272" s="288"/>
      <c r="J272" s="212">
        <v>0</v>
      </c>
      <c r="K272" s="68"/>
      <c r="L272" s="210"/>
      <c r="M272" s="129"/>
    </row>
    <row r="273" spans="1:13" s="70" customFormat="1" ht="34.5" customHeight="1" x14ac:dyDescent="0.15">
      <c r="A273" s="193" t="s">
        <v>338</v>
      </c>
      <c r="B273" s="128"/>
      <c r="C273" s="327"/>
      <c r="D273" s="328"/>
      <c r="E273" s="261" t="s">
        <v>111</v>
      </c>
      <c r="F273" s="262"/>
      <c r="G273" s="262"/>
      <c r="H273" s="263"/>
      <c r="I273" s="289"/>
      <c r="J273" s="212">
        <v>1</v>
      </c>
      <c r="K273" s="68"/>
      <c r="L273" s="210"/>
      <c r="M273" s="129"/>
    </row>
    <row r="274" spans="1:13" s="70" customFormat="1" ht="42" customHeight="1" x14ac:dyDescent="0.15">
      <c r="A274" s="193" t="s">
        <v>339</v>
      </c>
      <c r="B274" s="128"/>
      <c r="C274" s="267" t="s">
        <v>87</v>
      </c>
      <c r="D274" s="324"/>
      <c r="E274" s="261" t="s">
        <v>112</v>
      </c>
      <c r="F274" s="262"/>
      <c r="G274" s="262"/>
      <c r="H274" s="263"/>
      <c r="I274" s="101" t="s">
        <v>113</v>
      </c>
      <c r="J274" s="212">
        <v>0</v>
      </c>
      <c r="K274" s="68"/>
      <c r="L274" s="210"/>
      <c r="M274" s="129"/>
    </row>
    <row r="275" spans="1:13" s="70" customFormat="1" ht="34.5" customHeight="1" x14ac:dyDescent="0.15">
      <c r="A275" s="193" t="s">
        <v>340</v>
      </c>
      <c r="B275" s="128"/>
      <c r="C275" s="325"/>
      <c r="D275" s="326"/>
      <c r="E275" s="261" t="s">
        <v>114</v>
      </c>
      <c r="F275" s="262"/>
      <c r="G275" s="262"/>
      <c r="H275" s="263"/>
      <c r="I275" s="287" t="s">
        <v>115</v>
      </c>
      <c r="J275" s="212">
        <v>0</v>
      </c>
      <c r="K275" s="68"/>
      <c r="L275" s="210"/>
      <c r="M275" s="129"/>
    </row>
    <row r="276" spans="1:13" s="70" customFormat="1" ht="34.5" customHeight="1" x14ac:dyDescent="0.15">
      <c r="A276" s="193" t="s">
        <v>341</v>
      </c>
      <c r="B276" s="128"/>
      <c r="C276" s="325"/>
      <c r="D276" s="326"/>
      <c r="E276" s="261" t="s">
        <v>116</v>
      </c>
      <c r="F276" s="262"/>
      <c r="G276" s="262"/>
      <c r="H276" s="263"/>
      <c r="I276" s="320"/>
      <c r="J276" s="212">
        <v>0</v>
      </c>
      <c r="K276" s="68"/>
      <c r="L276" s="210"/>
      <c r="M276" s="129"/>
    </row>
    <row r="277" spans="1:13" s="70" customFormat="1" ht="42.75" x14ac:dyDescent="0.15">
      <c r="A277" s="193" t="s">
        <v>342</v>
      </c>
      <c r="B277" s="128"/>
      <c r="C277" s="325"/>
      <c r="D277" s="326"/>
      <c r="E277" s="261" t="s">
        <v>117</v>
      </c>
      <c r="F277" s="262"/>
      <c r="G277" s="262"/>
      <c r="H277" s="263"/>
      <c r="I277" s="101" t="s">
        <v>118</v>
      </c>
      <c r="J277" s="212">
        <v>0</v>
      </c>
      <c r="K277" s="68"/>
      <c r="L277" s="210"/>
      <c r="M277" s="129"/>
    </row>
    <row r="278" spans="1:13" s="70" customFormat="1" ht="42.75" x14ac:dyDescent="0.15">
      <c r="A278" s="193" t="s">
        <v>343</v>
      </c>
      <c r="B278" s="128"/>
      <c r="C278" s="325"/>
      <c r="D278" s="326"/>
      <c r="E278" s="261" t="s">
        <v>119</v>
      </c>
      <c r="F278" s="262"/>
      <c r="G278" s="262"/>
      <c r="H278" s="263"/>
      <c r="I278" s="101" t="s">
        <v>120</v>
      </c>
      <c r="J278" s="212">
        <v>0</v>
      </c>
      <c r="K278" s="68"/>
      <c r="L278" s="210"/>
      <c r="M278" s="129"/>
    </row>
    <row r="279" spans="1:13" s="70" customFormat="1" ht="42" customHeight="1" x14ac:dyDescent="0.15">
      <c r="A279" s="193" t="s">
        <v>344</v>
      </c>
      <c r="B279" s="128"/>
      <c r="C279" s="325"/>
      <c r="D279" s="326"/>
      <c r="E279" s="261" t="s">
        <v>121</v>
      </c>
      <c r="F279" s="262"/>
      <c r="G279" s="262"/>
      <c r="H279" s="263"/>
      <c r="I279" s="101" t="s">
        <v>122</v>
      </c>
      <c r="J279" s="212">
        <v>0</v>
      </c>
      <c r="K279" s="68"/>
      <c r="L279" s="210"/>
      <c r="M279" s="129"/>
    </row>
    <row r="280" spans="1:13" s="70" customFormat="1" ht="42" customHeight="1" x14ac:dyDescent="0.15">
      <c r="A280" s="193" t="s">
        <v>345</v>
      </c>
      <c r="B280" s="128"/>
      <c r="C280" s="325"/>
      <c r="D280" s="326"/>
      <c r="E280" s="261" t="s">
        <v>123</v>
      </c>
      <c r="F280" s="262"/>
      <c r="G280" s="262"/>
      <c r="H280" s="263"/>
      <c r="I280" s="101" t="s">
        <v>124</v>
      </c>
      <c r="J280" s="212">
        <v>0</v>
      </c>
      <c r="K280" s="68"/>
      <c r="L280" s="210"/>
      <c r="M280" s="129"/>
    </row>
    <row r="281" spans="1:13" s="70" customFormat="1" ht="42" customHeight="1" x14ac:dyDescent="0.15">
      <c r="A281" s="193" t="s">
        <v>346</v>
      </c>
      <c r="B281" s="128"/>
      <c r="C281" s="325"/>
      <c r="D281" s="326"/>
      <c r="E281" s="261" t="s">
        <v>125</v>
      </c>
      <c r="F281" s="262"/>
      <c r="G281" s="262"/>
      <c r="H281" s="263"/>
      <c r="I281" s="101" t="s">
        <v>126</v>
      </c>
      <c r="J281" s="212">
        <v>0</v>
      </c>
      <c r="K281" s="68"/>
      <c r="L281" s="210"/>
      <c r="M281" s="129"/>
    </row>
    <row r="282" spans="1:13" s="70" customFormat="1" ht="56.1" customHeight="1" x14ac:dyDescent="0.15">
      <c r="A282" s="193" t="s">
        <v>347</v>
      </c>
      <c r="B282" s="128"/>
      <c r="C282" s="325"/>
      <c r="D282" s="326"/>
      <c r="E282" s="261" t="s">
        <v>127</v>
      </c>
      <c r="F282" s="262"/>
      <c r="G282" s="262"/>
      <c r="H282" s="263"/>
      <c r="I282" s="101" t="s">
        <v>128</v>
      </c>
      <c r="J282" s="212">
        <v>0</v>
      </c>
      <c r="K282" s="68"/>
      <c r="L282" s="210"/>
      <c r="M282" s="129"/>
    </row>
    <row r="283" spans="1:13" s="70" customFormat="1" ht="56.1" customHeight="1" x14ac:dyDescent="0.15">
      <c r="A283" s="193" t="s">
        <v>348</v>
      </c>
      <c r="B283" s="128"/>
      <c r="C283" s="327"/>
      <c r="D283" s="328"/>
      <c r="E283" s="261" t="s">
        <v>129</v>
      </c>
      <c r="F283" s="262"/>
      <c r="G283" s="262"/>
      <c r="H283" s="263"/>
      <c r="I283" s="101" t="s">
        <v>130</v>
      </c>
      <c r="J283" s="212">
        <v>0</v>
      </c>
      <c r="K283" s="68"/>
      <c r="L283" s="211"/>
      <c r="M283" s="130"/>
    </row>
    <row r="284" spans="1:13" s="77" customFormat="1" x14ac:dyDescent="0.15">
      <c r="A284" s="188"/>
      <c r="B284" s="14"/>
      <c r="C284" s="14"/>
      <c r="D284" s="14"/>
      <c r="E284" s="14"/>
      <c r="F284" s="14"/>
      <c r="G284" s="14"/>
      <c r="H284" s="10"/>
      <c r="I284" s="10"/>
      <c r="J284" s="74"/>
      <c r="K284" s="75"/>
      <c r="L284" s="76"/>
      <c r="M284" s="76"/>
    </row>
    <row r="285" spans="1:13" s="70" customFormat="1" x14ac:dyDescent="0.15">
      <c r="A285" s="188"/>
      <c r="B285" s="71"/>
      <c r="C285" s="52"/>
      <c r="D285" s="52"/>
      <c r="E285" s="52"/>
      <c r="F285" s="52"/>
      <c r="G285" s="52"/>
      <c r="H285" s="78"/>
      <c r="I285" s="78"/>
      <c r="J285" s="74"/>
      <c r="K285" s="75"/>
      <c r="L285" s="76"/>
      <c r="M285" s="76"/>
    </row>
    <row r="286" spans="1:13" s="70" customFormat="1" x14ac:dyDescent="0.15">
      <c r="A286" s="188"/>
      <c r="B286" s="99"/>
      <c r="C286" s="99"/>
      <c r="D286" s="52"/>
      <c r="E286" s="52"/>
      <c r="F286" s="52"/>
      <c r="G286" s="52"/>
      <c r="H286" s="78"/>
      <c r="I286" s="132"/>
      <c r="J286" s="74"/>
      <c r="K286" s="75"/>
      <c r="L286" s="76"/>
      <c r="M286" s="76"/>
    </row>
    <row r="287" spans="1:13" s="77" customFormat="1" x14ac:dyDescent="0.15">
      <c r="A287" s="188"/>
      <c r="B287" s="99"/>
      <c r="C287" s="3"/>
      <c r="D287" s="3"/>
      <c r="E287" s="3"/>
      <c r="F287" s="3"/>
      <c r="G287" s="3"/>
      <c r="H287" s="228"/>
      <c r="I287" s="228"/>
      <c r="J287" s="51"/>
      <c r="K287" s="24"/>
      <c r="L287" s="89"/>
      <c r="M287" s="89"/>
    </row>
    <row r="288" spans="1:13" s="70" customFormat="1" x14ac:dyDescent="0.15">
      <c r="A288" s="188"/>
      <c r="B288" s="133" t="s">
        <v>131</v>
      </c>
      <c r="C288" s="134"/>
      <c r="D288" s="3"/>
      <c r="E288" s="3"/>
      <c r="F288" s="3"/>
      <c r="G288" s="3"/>
      <c r="H288" s="228"/>
      <c r="I288" s="228"/>
      <c r="J288" s="51"/>
      <c r="K288" s="53"/>
      <c r="L288" s="76"/>
      <c r="M288" s="76"/>
    </row>
    <row r="289" spans="1:22" x14ac:dyDescent="0.15">
      <c r="A289" s="188"/>
      <c r="B289" s="14"/>
      <c r="C289" s="14"/>
      <c r="D289" s="14"/>
      <c r="E289" s="14"/>
      <c r="F289" s="14"/>
      <c r="G289" s="14"/>
      <c r="H289" s="10"/>
      <c r="I289" s="10"/>
      <c r="L289" s="185"/>
      <c r="M289" s="185"/>
      <c r="N289" s="8"/>
      <c r="O289" s="8"/>
      <c r="P289" s="8"/>
      <c r="Q289" s="8"/>
      <c r="R289" s="8"/>
      <c r="S289" s="8"/>
      <c r="T289" s="8"/>
      <c r="U289" s="8"/>
      <c r="V289" s="8"/>
    </row>
    <row r="290" spans="1:22" s="98" customFormat="1" ht="34.5" customHeight="1" x14ac:dyDescent="0.15">
      <c r="A290" s="188"/>
      <c r="B290" s="14"/>
      <c r="C290" s="3"/>
      <c r="D290" s="3"/>
      <c r="E290" s="3"/>
      <c r="F290" s="3"/>
      <c r="G290" s="3"/>
      <c r="H290" s="228"/>
      <c r="I290" s="228"/>
      <c r="J290" s="65" t="s">
        <v>27</v>
      </c>
      <c r="K290" s="66"/>
      <c r="L290" s="56" t="s">
        <v>431</v>
      </c>
      <c r="M290" s="56" t="s">
        <v>434</v>
      </c>
    </row>
    <row r="291" spans="1:22" s="98" customFormat="1" ht="20.25" customHeight="1" x14ac:dyDescent="0.15">
      <c r="A291" s="188"/>
      <c r="B291" s="1"/>
      <c r="C291" s="3"/>
      <c r="D291" s="3"/>
      <c r="E291" s="3"/>
      <c r="F291" s="3"/>
      <c r="G291" s="3"/>
      <c r="H291" s="228"/>
      <c r="I291" s="57" t="s">
        <v>28</v>
      </c>
      <c r="J291" s="135"/>
      <c r="K291" s="67"/>
      <c r="L291" s="111" t="s">
        <v>432</v>
      </c>
      <c r="M291" s="111" t="s">
        <v>432</v>
      </c>
    </row>
    <row r="292" spans="1:22" s="98" customFormat="1" ht="34.5" customHeight="1" x14ac:dyDescent="0.15">
      <c r="A292" s="188"/>
      <c r="B292" s="95"/>
      <c r="C292" s="302" t="s">
        <v>132</v>
      </c>
      <c r="D292" s="303"/>
      <c r="E292" s="303"/>
      <c r="F292" s="303"/>
      <c r="G292" s="303"/>
      <c r="H292" s="304"/>
      <c r="I292" s="292" t="s">
        <v>266</v>
      </c>
      <c r="J292" s="136"/>
      <c r="K292" s="82"/>
      <c r="L292" s="251"/>
      <c r="M292" s="251"/>
    </row>
    <row r="293" spans="1:22" s="98" customFormat="1" ht="34.5" customHeight="1" x14ac:dyDescent="0.15">
      <c r="A293" s="188"/>
      <c r="B293" s="137"/>
      <c r="C293" s="336"/>
      <c r="D293" s="337"/>
      <c r="E293" s="337"/>
      <c r="F293" s="337"/>
      <c r="G293" s="337"/>
      <c r="H293" s="338"/>
      <c r="I293" s="292"/>
      <c r="J293" s="138"/>
      <c r="K293" s="85"/>
      <c r="L293" s="139"/>
      <c r="M293" s="139"/>
    </row>
    <row r="294" spans="1:22" s="98" customFormat="1" ht="34.5" customHeight="1" x14ac:dyDescent="0.15">
      <c r="A294" s="193" t="s">
        <v>349</v>
      </c>
      <c r="B294" s="137"/>
      <c r="C294" s="336"/>
      <c r="D294" s="337"/>
      <c r="E294" s="337"/>
      <c r="F294" s="337"/>
      <c r="G294" s="337"/>
      <c r="H294" s="338"/>
      <c r="I294" s="292"/>
      <c r="J294" s="138"/>
      <c r="K294" s="85"/>
      <c r="L294" s="140" t="str">
        <f>IF(ISBLANK(L292), "-", "～")</f>
        <v>-</v>
      </c>
      <c r="M294" s="140" t="str">
        <f t="shared" ref="M294" si="4">IF(ISBLANK(M292), "-", "～")</f>
        <v>-</v>
      </c>
    </row>
    <row r="295" spans="1:22" s="98" customFormat="1" ht="34.5" customHeight="1" x14ac:dyDescent="0.15">
      <c r="A295" s="188"/>
      <c r="B295" s="137"/>
      <c r="C295" s="336"/>
      <c r="D295" s="337"/>
      <c r="E295" s="337"/>
      <c r="F295" s="337"/>
      <c r="G295" s="337"/>
      <c r="H295" s="338"/>
      <c r="I295" s="292"/>
      <c r="J295" s="138"/>
      <c r="K295" s="85"/>
      <c r="L295" s="250"/>
      <c r="M295" s="250"/>
    </row>
    <row r="296" spans="1:22" s="98" customFormat="1" ht="34.5" customHeight="1" x14ac:dyDescent="0.15">
      <c r="A296" s="188"/>
      <c r="B296" s="137"/>
      <c r="C296" s="339"/>
      <c r="D296" s="340"/>
      <c r="E296" s="340"/>
      <c r="F296" s="340"/>
      <c r="G296" s="340"/>
      <c r="H296" s="341"/>
      <c r="I296" s="292"/>
      <c r="J296" s="141"/>
      <c r="K296" s="87"/>
      <c r="L296" s="142"/>
      <c r="M296" s="142"/>
    </row>
    <row r="297" spans="1:22" s="77" customFormat="1" x14ac:dyDescent="0.15">
      <c r="A297" s="188"/>
      <c r="B297" s="14"/>
      <c r="C297" s="14"/>
      <c r="D297" s="14"/>
      <c r="E297" s="14"/>
      <c r="F297" s="14"/>
      <c r="G297" s="14"/>
      <c r="H297" s="10"/>
      <c r="I297" s="10"/>
      <c r="J297" s="74"/>
      <c r="K297" s="75"/>
      <c r="L297" s="76"/>
      <c r="M297" s="76"/>
    </row>
    <row r="298" spans="1:22" s="70" customFormat="1" x14ac:dyDescent="0.15">
      <c r="A298" s="188"/>
      <c r="B298" s="71"/>
      <c r="C298" s="52"/>
      <c r="D298" s="52"/>
      <c r="E298" s="52"/>
      <c r="F298" s="52"/>
      <c r="G298" s="52"/>
      <c r="H298" s="78"/>
      <c r="I298" s="78"/>
      <c r="J298" s="74"/>
      <c r="K298" s="75"/>
      <c r="L298" s="76"/>
      <c r="M298" s="76"/>
    </row>
    <row r="299" spans="1:22" s="70" customFormat="1" x14ac:dyDescent="0.15">
      <c r="A299" s="188"/>
      <c r="B299" s="99"/>
      <c r="C299" s="99"/>
      <c r="D299" s="52"/>
      <c r="E299" s="52"/>
      <c r="F299" s="52"/>
      <c r="G299" s="52"/>
      <c r="H299" s="78"/>
      <c r="I299" s="132" t="s">
        <v>242</v>
      </c>
      <c r="J299" s="74"/>
      <c r="K299" s="75"/>
      <c r="L299" s="76"/>
      <c r="M299" s="76"/>
    </row>
    <row r="300" spans="1:22" s="70" customFormat="1" x14ac:dyDescent="0.15">
      <c r="A300" s="188"/>
      <c r="B300" s="99"/>
      <c r="C300" s="99"/>
      <c r="D300" s="52"/>
      <c r="E300" s="52"/>
      <c r="F300" s="52"/>
      <c r="G300" s="52"/>
      <c r="H300" s="78"/>
      <c r="I300" s="78"/>
      <c r="J300" s="74"/>
      <c r="K300" s="75"/>
      <c r="L300" s="76"/>
      <c r="M300" s="76"/>
    </row>
    <row r="301" spans="1:22" s="17" customFormat="1" x14ac:dyDescent="0.15">
      <c r="A301" s="188"/>
      <c r="B301" s="1"/>
      <c r="C301" s="43"/>
      <c r="D301" s="27"/>
      <c r="E301" s="27"/>
      <c r="F301" s="27"/>
      <c r="G301" s="27"/>
      <c r="H301" s="16"/>
      <c r="I301" s="239"/>
      <c r="J301" s="5"/>
      <c r="K301" s="6"/>
      <c r="M301" s="41"/>
    </row>
    <row r="302" spans="1:22" s="17" customFormat="1" x14ac:dyDescent="0.15">
      <c r="A302" s="188"/>
      <c r="B302" s="1"/>
      <c r="C302" s="43"/>
      <c r="D302" s="27"/>
      <c r="E302" s="27"/>
      <c r="F302" s="27"/>
      <c r="G302" s="27"/>
      <c r="H302" s="16"/>
      <c r="I302" s="239"/>
      <c r="J302" s="5"/>
      <c r="K302" s="6"/>
      <c r="M302" s="41"/>
    </row>
    <row r="303" spans="1:22" s="17" customFormat="1" x14ac:dyDescent="0.15">
      <c r="A303" s="188"/>
      <c r="B303" s="1"/>
      <c r="E303" s="43"/>
      <c r="F303" s="43"/>
      <c r="G303" s="43"/>
      <c r="H303" s="16"/>
      <c r="I303" s="239"/>
      <c r="J303" s="5"/>
      <c r="K303" s="6"/>
      <c r="M303" s="29"/>
    </row>
    <row r="304" spans="1:22" s="17" customFormat="1" x14ac:dyDescent="0.15">
      <c r="A304" s="188"/>
      <c r="B304" s="1"/>
      <c r="E304" s="43"/>
      <c r="F304" s="43"/>
      <c r="G304" s="43"/>
      <c r="H304" s="16"/>
      <c r="I304" s="239"/>
      <c r="J304" s="5"/>
      <c r="K304" s="6"/>
      <c r="M304" s="41"/>
    </row>
    <row r="305" spans="1:22" s="17" customFormat="1" x14ac:dyDescent="0.15">
      <c r="A305" s="188"/>
      <c r="B305" s="1"/>
      <c r="E305" s="43"/>
      <c r="F305" s="43"/>
      <c r="G305" s="43"/>
      <c r="H305" s="16"/>
      <c r="I305" s="239"/>
      <c r="J305" s="5"/>
      <c r="K305" s="6"/>
      <c r="M305" s="29"/>
    </row>
    <row r="306" spans="1:22" s="17" customFormat="1" x14ac:dyDescent="0.15">
      <c r="A306" s="188"/>
      <c r="B306" s="1"/>
      <c r="E306" s="43"/>
      <c r="F306" s="43"/>
      <c r="G306" s="43"/>
      <c r="H306" s="16"/>
      <c r="I306" s="239"/>
      <c r="J306" s="5"/>
      <c r="K306" s="6"/>
      <c r="M306" s="29"/>
    </row>
    <row r="307" spans="1:22" s="17" customFormat="1" x14ac:dyDescent="0.15">
      <c r="A307" s="188"/>
      <c r="B307" s="1"/>
      <c r="E307" s="27"/>
      <c r="F307" s="27"/>
      <c r="G307" s="27"/>
      <c r="H307" s="16"/>
      <c r="I307" s="4"/>
      <c r="J307" s="29"/>
      <c r="K307" s="44"/>
      <c r="L307" s="7"/>
      <c r="M307" s="7"/>
    </row>
    <row r="308" spans="1:22" s="17" customFormat="1" x14ac:dyDescent="0.15">
      <c r="A308" s="188"/>
      <c r="B308" s="1"/>
      <c r="C308" s="32"/>
      <c r="D308" s="32"/>
      <c r="E308" s="32"/>
      <c r="F308" s="32"/>
      <c r="G308" s="32"/>
      <c r="H308" s="32"/>
      <c r="I308" s="32"/>
      <c r="J308" s="32"/>
      <c r="K308" s="42"/>
      <c r="L308" s="32"/>
      <c r="M308" s="32"/>
    </row>
    <row r="309" spans="1:22" s="17" customFormat="1" x14ac:dyDescent="0.15">
      <c r="A309" s="188"/>
      <c r="B309" s="1"/>
      <c r="C309" s="52"/>
      <c r="D309" s="3"/>
      <c r="E309" s="3"/>
      <c r="F309" s="3"/>
      <c r="G309" s="3"/>
      <c r="H309" s="228"/>
      <c r="I309" s="228"/>
      <c r="J309" s="53"/>
      <c r="K309" s="24"/>
      <c r="L309" s="51"/>
      <c r="M309" s="51"/>
    </row>
    <row r="310" spans="1:22" s="77" customFormat="1" ht="19.5" x14ac:dyDescent="0.15">
      <c r="A310" s="188"/>
      <c r="B310" s="143" t="s">
        <v>136</v>
      </c>
      <c r="C310" s="144"/>
      <c r="D310" s="144"/>
      <c r="E310" s="47"/>
      <c r="F310" s="47"/>
      <c r="G310" s="47"/>
      <c r="H310" s="48"/>
      <c r="I310" s="48"/>
      <c r="J310" s="50"/>
      <c r="K310" s="49"/>
      <c r="L310" s="145"/>
      <c r="M310" s="145"/>
    </row>
    <row r="311" spans="1:22" s="77" customFormat="1" x14ac:dyDescent="0.15">
      <c r="A311" s="188"/>
      <c r="B311" s="36" t="s">
        <v>137</v>
      </c>
      <c r="C311" s="57"/>
      <c r="D311" s="57"/>
      <c r="E311" s="3"/>
      <c r="F311" s="3"/>
      <c r="G311" s="3"/>
      <c r="H311" s="228"/>
      <c r="I311" s="228"/>
      <c r="J311" s="51"/>
      <c r="K311" s="24"/>
      <c r="L311" s="89"/>
      <c r="M311" s="89"/>
    </row>
    <row r="312" spans="1:22" x14ac:dyDescent="0.15">
      <c r="A312" s="188"/>
      <c r="B312" s="14"/>
      <c r="C312" s="14"/>
      <c r="D312" s="14"/>
      <c r="E312" s="14"/>
      <c r="F312" s="14"/>
      <c r="G312" s="14"/>
      <c r="H312" s="10"/>
      <c r="I312" s="10"/>
      <c r="L312" s="185"/>
      <c r="M312" s="185"/>
      <c r="N312" s="8"/>
      <c r="O312" s="8"/>
      <c r="P312" s="8"/>
      <c r="Q312" s="8"/>
      <c r="R312" s="8"/>
      <c r="S312" s="8"/>
      <c r="T312" s="8"/>
      <c r="U312" s="8"/>
      <c r="V312" s="8"/>
    </row>
    <row r="313" spans="1:22" ht="34.5" customHeight="1" x14ac:dyDescent="0.15">
      <c r="A313" s="216"/>
      <c r="B313" s="14"/>
      <c r="C313" s="3"/>
      <c r="D313" s="3"/>
      <c r="F313" s="3"/>
      <c r="G313" s="3"/>
      <c r="H313" s="228"/>
      <c r="I313" s="228"/>
      <c r="J313" s="65" t="s">
        <v>27</v>
      </c>
      <c r="K313" s="66"/>
      <c r="L313" s="56" t="s">
        <v>431</v>
      </c>
      <c r="M313" s="56" t="s">
        <v>434</v>
      </c>
      <c r="N313" s="8"/>
      <c r="O313" s="8"/>
      <c r="P313" s="8"/>
      <c r="Q313" s="8"/>
      <c r="R313" s="8"/>
      <c r="S313" s="8"/>
      <c r="T313" s="8"/>
      <c r="U313" s="8"/>
      <c r="V313" s="8"/>
    </row>
    <row r="314" spans="1:22" ht="20.25" customHeight="1" x14ac:dyDescent="0.15">
      <c r="A314" s="191" t="s">
        <v>202</v>
      </c>
      <c r="B314" s="1"/>
      <c r="C314" s="3"/>
      <c r="D314" s="3"/>
      <c r="F314" s="3"/>
      <c r="G314" s="3"/>
      <c r="H314" s="228"/>
      <c r="I314" s="57" t="s">
        <v>28</v>
      </c>
      <c r="J314" s="58"/>
      <c r="K314" s="67"/>
      <c r="L314" s="60" t="s">
        <v>432</v>
      </c>
      <c r="M314" s="60" t="s">
        <v>432</v>
      </c>
      <c r="N314" s="8"/>
      <c r="O314" s="8"/>
      <c r="P314" s="8"/>
      <c r="Q314" s="8"/>
      <c r="R314" s="8"/>
      <c r="S314" s="8"/>
      <c r="T314" s="8"/>
      <c r="U314" s="8"/>
      <c r="V314" s="8"/>
    </row>
    <row r="315" spans="1:22" s="70" customFormat="1" ht="34.5" customHeight="1" x14ac:dyDescent="0.15">
      <c r="A315" s="193" t="s">
        <v>350</v>
      </c>
      <c r="B315" s="71"/>
      <c r="C315" s="333" t="s">
        <v>138</v>
      </c>
      <c r="D315" s="267" t="s">
        <v>139</v>
      </c>
      <c r="E315" s="273"/>
      <c r="F315" s="273"/>
      <c r="G315" s="273"/>
      <c r="H315" s="268"/>
      <c r="I315" s="287" t="s">
        <v>351</v>
      </c>
      <c r="J315" s="114">
        <f t="shared" ref="J315:J320" si="5">IF(SUM(L315:M315)=0,IF(COUNTIF(L315:M315,"未確認")&gt;0,"未確認",IF(COUNTIF(L315:M315,"~*")&gt;0,"*",SUM(L315:M315))),SUM(L315:M315))</f>
        <v>51</v>
      </c>
      <c r="K315" s="68" t="str">
        <f t="shared" ref="K315:K320" si="6">IF(OR(COUNTIF(L315:M315,"未確認")&gt;0,COUNTIF(L315:M315,"~*")&gt;0),"※","")</f>
        <v/>
      </c>
      <c r="L315" s="117">
        <v>45</v>
      </c>
      <c r="M315" s="117">
        <v>6</v>
      </c>
    </row>
    <row r="316" spans="1:22" s="70" customFormat="1" ht="34.5" customHeight="1" x14ac:dyDescent="0.15">
      <c r="A316" s="193" t="s">
        <v>352</v>
      </c>
      <c r="B316" s="71"/>
      <c r="C316" s="334"/>
      <c r="D316" s="330"/>
      <c r="E316" s="261" t="s">
        <v>140</v>
      </c>
      <c r="F316" s="262"/>
      <c r="G316" s="262"/>
      <c r="H316" s="263"/>
      <c r="I316" s="329"/>
      <c r="J316" s="114">
        <f t="shared" si="5"/>
        <v>51</v>
      </c>
      <c r="K316" s="68" t="str">
        <f t="shared" si="6"/>
        <v/>
      </c>
      <c r="L316" s="117">
        <v>45</v>
      </c>
      <c r="M316" s="117">
        <v>6</v>
      </c>
    </row>
    <row r="317" spans="1:22" s="70" customFormat="1" ht="34.5" customHeight="1" x14ac:dyDescent="0.15">
      <c r="A317" s="194" t="s">
        <v>353</v>
      </c>
      <c r="B317" s="71"/>
      <c r="C317" s="334"/>
      <c r="D317" s="331"/>
      <c r="E317" s="261" t="s">
        <v>141</v>
      </c>
      <c r="F317" s="262"/>
      <c r="G317" s="262"/>
      <c r="H317" s="263"/>
      <c r="I317" s="329"/>
      <c r="J317" s="114">
        <f t="shared" si="5"/>
        <v>0</v>
      </c>
      <c r="K317" s="68" t="str">
        <f t="shared" si="6"/>
        <v/>
      </c>
      <c r="L317" s="117">
        <v>0</v>
      </c>
      <c r="M317" s="117">
        <v>0</v>
      </c>
    </row>
    <row r="318" spans="1:22" s="70" customFormat="1" ht="34.5" customHeight="1" x14ac:dyDescent="0.15">
      <c r="A318" s="194" t="s">
        <v>354</v>
      </c>
      <c r="B318" s="71"/>
      <c r="C318" s="334"/>
      <c r="D318" s="332"/>
      <c r="E318" s="261" t="s">
        <v>142</v>
      </c>
      <c r="F318" s="262"/>
      <c r="G318" s="262"/>
      <c r="H318" s="263"/>
      <c r="I318" s="329"/>
      <c r="J318" s="114">
        <f t="shared" si="5"/>
        <v>0</v>
      </c>
      <c r="K318" s="68" t="str">
        <f t="shared" si="6"/>
        <v/>
      </c>
      <c r="L318" s="117">
        <v>0</v>
      </c>
      <c r="M318" s="117">
        <v>0</v>
      </c>
    </row>
    <row r="319" spans="1:22" s="70" customFormat="1" ht="34.5" customHeight="1" x14ac:dyDescent="0.15">
      <c r="A319" s="194" t="s">
        <v>355</v>
      </c>
      <c r="B319" s="1"/>
      <c r="C319" s="334"/>
      <c r="D319" s="261" t="s">
        <v>143</v>
      </c>
      <c r="E319" s="262"/>
      <c r="F319" s="262"/>
      <c r="G319" s="262"/>
      <c r="H319" s="263"/>
      <c r="I319" s="329"/>
      <c r="J319" s="114">
        <f t="shared" si="5"/>
        <v>33597</v>
      </c>
      <c r="K319" s="68" t="str">
        <f t="shared" si="6"/>
        <v/>
      </c>
      <c r="L319" s="117">
        <v>20300</v>
      </c>
      <c r="M319" s="117">
        <v>13297</v>
      </c>
    </row>
    <row r="320" spans="1:22" s="70" customFormat="1" ht="34.5" customHeight="1" x14ac:dyDescent="0.15">
      <c r="A320" s="194" t="s">
        <v>356</v>
      </c>
      <c r="B320" s="99"/>
      <c r="C320" s="334"/>
      <c r="D320" s="261" t="s">
        <v>144</v>
      </c>
      <c r="E320" s="262"/>
      <c r="F320" s="262"/>
      <c r="G320" s="262"/>
      <c r="H320" s="263"/>
      <c r="I320" s="320"/>
      <c r="J320" s="114">
        <f t="shared" si="5"/>
        <v>42</v>
      </c>
      <c r="K320" s="68" t="str">
        <f t="shared" si="6"/>
        <v/>
      </c>
      <c r="L320" s="117">
        <v>39</v>
      </c>
      <c r="M320" s="117">
        <v>3</v>
      </c>
    </row>
    <row r="321" spans="1:22" s="77" customFormat="1" x14ac:dyDescent="0.15">
      <c r="A321" s="188"/>
      <c r="B321" s="14"/>
      <c r="C321" s="186"/>
      <c r="D321" s="14"/>
      <c r="E321" s="14"/>
      <c r="F321" s="14"/>
      <c r="G321" s="14"/>
      <c r="H321" s="10"/>
      <c r="I321" s="10"/>
      <c r="J321" s="74"/>
      <c r="K321" s="75"/>
      <c r="L321" s="76"/>
      <c r="M321" s="76"/>
    </row>
    <row r="322" spans="1:22" s="70" customFormat="1" x14ac:dyDescent="0.15">
      <c r="A322" s="188"/>
      <c r="B322" s="71"/>
      <c r="C322" s="52"/>
      <c r="D322" s="52"/>
      <c r="E322" s="52"/>
      <c r="F322" s="52"/>
      <c r="G322" s="52"/>
      <c r="H322" s="78"/>
      <c r="I322" s="78"/>
      <c r="J322" s="74"/>
      <c r="K322" s="75"/>
      <c r="L322" s="76"/>
      <c r="M322" s="76"/>
    </row>
    <row r="323" spans="1:22" s="77" customFormat="1" x14ac:dyDescent="0.15">
      <c r="A323" s="188"/>
      <c r="B323" s="99"/>
      <c r="C323" s="146"/>
      <c r="D323" s="3"/>
      <c r="E323" s="3"/>
      <c r="F323" s="3"/>
      <c r="H323" s="228"/>
      <c r="I323" s="228"/>
      <c r="J323" s="51"/>
      <c r="K323" s="24"/>
      <c r="L323" s="89"/>
      <c r="M323" s="89"/>
    </row>
    <row r="324" spans="1:22" s="77" customFormat="1" x14ac:dyDescent="0.15">
      <c r="A324" s="188"/>
      <c r="B324" s="36" t="s">
        <v>199</v>
      </c>
      <c r="C324" s="88"/>
      <c r="D324" s="88"/>
      <c r="E324" s="88"/>
      <c r="F324" s="88"/>
      <c r="G324" s="88"/>
      <c r="H324" s="10"/>
      <c r="I324" s="10"/>
      <c r="J324" s="51"/>
      <c r="K324" s="24"/>
      <c r="L324" s="89"/>
      <c r="M324" s="89"/>
    </row>
    <row r="325" spans="1:22" x14ac:dyDescent="0.15">
      <c r="A325" s="188"/>
      <c r="B325" s="14"/>
      <c r="C325" s="14"/>
      <c r="D325" s="14"/>
      <c r="E325" s="14"/>
      <c r="F325" s="14"/>
      <c r="G325" s="14"/>
      <c r="H325" s="10"/>
      <c r="I325" s="10"/>
      <c r="L325" s="185"/>
      <c r="M325" s="185"/>
      <c r="N325" s="8"/>
      <c r="O325" s="8"/>
      <c r="P325" s="8"/>
      <c r="Q325" s="8"/>
      <c r="R325" s="8"/>
      <c r="S325" s="8"/>
      <c r="T325" s="8"/>
      <c r="U325" s="8"/>
      <c r="V325" s="8"/>
    </row>
    <row r="326" spans="1:22" ht="34.5" customHeight="1" x14ac:dyDescent="0.15">
      <c r="A326" s="188"/>
      <c r="B326" s="14"/>
      <c r="C326" s="3"/>
      <c r="D326" s="3"/>
      <c r="F326" s="3"/>
      <c r="G326" s="3"/>
      <c r="H326" s="228"/>
      <c r="I326" s="228"/>
      <c r="J326" s="65" t="s">
        <v>27</v>
      </c>
      <c r="K326" s="66"/>
      <c r="L326" s="56" t="s">
        <v>431</v>
      </c>
      <c r="M326" s="56" t="s">
        <v>434</v>
      </c>
      <c r="N326" s="8"/>
      <c r="O326" s="8"/>
      <c r="P326" s="8"/>
      <c r="Q326" s="8"/>
      <c r="R326" s="8"/>
      <c r="S326" s="8"/>
      <c r="T326" s="8"/>
      <c r="U326" s="8"/>
      <c r="V326" s="8"/>
    </row>
    <row r="327" spans="1:22" ht="20.25" customHeight="1" x14ac:dyDescent="0.15">
      <c r="A327" s="188"/>
      <c r="B327" s="1"/>
      <c r="C327" s="52"/>
      <c r="D327" s="3"/>
      <c r="F327" s="3"/>
      <c r="G327" s="3"/>
      <c r="H327" s="228"/>
      <c r="I327" s="57" t="s">
        <v>28</v>
      </c>
      <c r="J327" s="58"/>
      <c r="K327" s="67"/>
      <c r="L327" s="60" t="s">
        <v>432</v>
      </c>
      <c r="M327" s="60" t="s">
        <v>432</v>
      </c>
      <c r="N327" s="8"/>
      <c r="O327" s="8"/>
      <c r="P327" s="8"/>
      <c r="Q327" s="8"/>
      <c r="R327" s="8"/>
      <c r="S327" s="8"/>
      <c r="T327" s="8"/>
      <c r="U327" s="8"/>
      <c r="V327" s="8"/>
    </row>
    <row r="328" spans="1:22" s="70" customFormat="1" ht="34.5" customHeight="1" x14ac:dyDescent="0.15">
      <c r="A328" s="195" t="s">
        <v>357</v>
      </c>
      <c r="B328" s="99"/>
      <c r="C328" s="333" t="s">
        <v>158</v>
      </c>
      <c r="D328" s="261" t="s">
        <v>159</v>
      </c>
      <c r="E328" s="262"/>
      <c r="F328" s="262"/>
      <c r="G328" s="262"/>
      <c r="H328" s="263"/>
      <c r="I328" s="287" t="s">
        <v>358</v>
      </c>
      <c r="J328" s="114">
        <f t="shared" ref="J328:J345" si="7">IF(SUM(L328:M328)=0,IF(COUNTIF(L328:M328,"未確認")&gt;0,"未確認",IF(COUNTIF(L328:M328,"~*")&gt;0,"*",SUM(L328:M328))),SUM(L328:M328))</f>
        <v>51</v>
      </c>
      <c r="K328" s="68" t="str">
        <f t="shared" ref="K328:K345" si="8">IF(OR(COUNTIF(L328:M328,"未確認")&gt;0,COUNTIF(L328:M328,"~*")&gt;0),"※","")</f>
        <v/>
      </c>
      <c r="L328" s="117">
        <v>45</v>
      </c>
      <c r="M328" s="117">
        <v>6</v>
      </c>
    </row>
    <row r="329" spans="1:22" s="70" customFormat="1" ht="34.5" customHeight="1" x14ac:dyDescent="0.15">
      <c r="A329" s="195" t="s">
        <v>359</v>
      </c>
      <c r="B329" s="99"/>
      <c r="C329" s="333"/>
      <c r="D329" s="352" t="s">
        <v>145</v>
      </c>
      <c r="E329" s="271" t="s">
        <v>146</v>
      </c>
      <c r="F329" s="291"/>
      <c r="G329" s="291"/>
      <c r="H329" s="272"/>
      <c r="I329" s="344"/>
      <c r="J329" s="114">
        <f t="shared" si="7"/>
        <v>3</v>
      </c>
      <c r="K329" s="68" t="str">
        <f t="shared" si="8"/>
        <v/>
      </c>
      <c r="L329" s="117">
        <v>1</v>
      </c>
      <c r="M329" s="117">
        <v>2</v>
      </c>
    </row>
    <row r="330" spans="1:22" s="70" customFormat="1" ht="34.5" customHeight="1" x14ac:dyDescent="0.15">
      <c r="A330" s="195" t="s">
        <v>360</v>
      </c>
      <c r="B330" s="99"/>
      <c r="C330" s="333"/>
      <c r="D330" s="333"/>
      <c r="E330" s="261" t="s">
        <v>147</v>
      </c>
      <c r="F330" s="262"/>
      <c r="G330" s="262"/>
      <c r="H330" s="263"/>
      <c r="I330" s="344"/>
      <c r="J330" s="114">
        <f t="shared" si="7"/>
        <v>42</v>
      </c>
      <c r="K330" s="68" t="str">
        <f t="shared" si="8"/>
        <v/>
      </c>
      <c r="L330" s="117">
        <v>40</v>
      </c>
      <c r="M330" s="117">
        <v>2</v>
      </c>
    </row>
    <row r="331" spans="1:22" s="70" customFormat="1" ht="34.5" customHeight="1" x14ac:dyDescent="0.15">
      <c r="A331" s="195" t="s">
        <v>361</v>
      </c>
      <c r="B331" s="99"/>
      <c r="C331" s="333"/>
      <c r="D331" s="333"/>
      <c r="E331" s="261" t="s">
        <v>148</v>
      </c>
      <c r="F331" s="262"/>
      <c r="G331" s="262"/>
      <c r="H331" s="263"/>
      <c r="I331" s="344"/>
      <c r="J331" s="114">
        <f t="shared" si="7"/>
        <v>6</v>
      </c>
      <c r="K331" s="68" t="str">
        <f t="shared" si="8"/>
        <v/>
      </c>
      <c r="L331" s="117">
        <v>4</v>
      </c>
      <c r="M331" s="117">
        <v>2</v>
      </c>
    </row>
    <row r="332" spans="1:22" s="70" customFormat="1" ht="34.5" customHeight="1" x14ac:dyDescent="0.15">
      <c r="A332" s="195" t="s">
        <v>362</v>
      </c>
      <c r="B332" s="99"/>
      <c r="C332" s="333"/>
      <c r="D332" s="333"/>
      <c r="E332" s="299" t="s">
        <v>246</v>
      </c>
      <c r="F332" s="300"/>
      <c r="G332" s="300"/>
      <c r="H332" s="301"/>
      <c r="I332" s="344"/>
      <c r="J332" s="114">
        <f t="shared" si="7"/>
        <v>0</v>
      </c>
      <c r="K332" s="68" t="str">
        <f t="shared" si="8"/>
        <v/>
      </c>
      <c r="L332" s="117">
        <v>0</v>
      </c>
      <c r="M332" s="117">
        <v>0</v>
      </c>
    </row>
    <row r="333" spans="1:22" s="70" customFormat="1" ht="34.5" customHeight="1" x14ac:dyDescent="0.15">
      <c r="A333" s="195" t="s">
        <v>363</v>
      </c>
      <c r="B333" s="99"/>
      <c r="C333" s="333"/>
      <c r="D333" s="333"/>
      <c r="E333" s="299" t="s">
        <v>247</v>
      </c>
      <c r="F333" s="300"/>
      <c r="G333" s="300"/>
      <c r="H333" s="301"/>
      <c r="I333" s="344"/>
      <c r="J333" s="114">
        <f t="shared" si="7"/>
        <v>0</v>
      </c>
      <c r="K333" s="68" t="str">
        <f t="shared" si="8"/>
        <v/>
      </c>
      <c r="L333" s="117">
        <v>0</v>
      </c>
      <c r="M333" s="117">
        <v>0</v>
      </c>
    </row>
    <row r="334" spans="1:22" s="70" customFormat="1" ht="34.5" customHeight="1" x14ac:dyDescent="0.15">
      <c r="A334" s="195" t="s">
        <v>364</v>
      </c>
      <c r="B334" s="99"/>
      <c r="C334" s="333"/>
      <c r="D334" s="333"/>
      <c r="E334" s="261" t="s">
        <v>149</v>
      </c>
      <c r="F334" s="262"/>
      <c r="G334" s="262"/>
      <c r="H334" s="263"/>
      <c r="I334" s="344"/>
      <c r="J334" s="114">
        <f t="shared" si="7"/>
        <v>0</v>
      </c>
      <c r="K334" s="68" t="str">
        <f t="shared" si="8"/>
        <v/>
      </c>
      <c r="L334" s="117">
        <v>0</v>
      </c>
      <c r="M334" s="117">
        <v>0</v>
      </c>
    </row>
    <row r="335" spans="1:22" s="70" customFormat="1" ht="34.5" customHeight="1" x14ac:dyDescent="0.15">
      <c r="A335" s="195" t="s">
        <v>365</v>
      </c>
      <c r="B335" s="99"/>
      <c r="C335" s="333"/>
      <c r="D335" s="353"/>
      <c r="E335" s="267" t="s">
        <v>87</v>
      </c>
      <c r="F335" s="273"/>
      <c r="G335" s="273"/>
      <c r="H335" s="268"/>
      <c r="I335" s="344"/>
      <c r="J335" s="114">
        <f t="shared" si="7"/>
        <v>0</v>
      </c>
      <c r="K335" s="68" t="str">
        <f t="shared" si="8"/>
        <v/>
      </c>
      <c r="L335" s="117">
        <v>0</v>
      </c>
      <c r="M335" s="117">
        <v>0</v>
      </c>
    </row>
    <row r="336" spans="1:22" s="70" customFormat="1" ht="34.5" customHeight="1" x14ac:dyDescent="0.15">
      <c r="A336" s="195" t="s">
        <v>366</v>
      </c>
      <c r="B336" s="99"/>
      <c r="C336" s="333"/>
      <c r="D336" s="261" t="s">
        <v>160</v>
      </c>
      <c r="E336" s="262"/>
      <c r="F336" s="262"/>
      <c r="G336" s="262"/>
      <c r="H336" s="263"/>
      <c r="I336" s="344"/>
      <c r="J336" s="114">
        <f t="shared" si="7"/>
        <v>42</v>
      </c>
      <c r="K336" s="68" t="str">
        <f t="shared" si="8"/>
        <v/>
      </c>
      <c r="L336" s="117">
        <v>39</v>
      </c>
      <c r="M336" s="117">
        <v>3</v>
      </c>
    </row>
    <row r="337" spans="1:22" s="70" customFormat="1" ht="34.5" customHeight="1" x14ac:dyDescent="0.15">
      <c r="A337" s="195" t="s">
        <v>367</v>
      </c>
      <c r="B337" s="99"/>
      <c r="C337" s="333"/>
      <c r="D337" s="352" t="s">
        <v>150</v>
      </c>
      <c r="E337" s="271" t="s">
        <v>151</v>
      </c>
      <c r="F337" s="291"/>
      <c r="G337" s="291"/>
      <c r="H337" s="272"/>
      <c r="I337" s="344"/>
      <c r="J337" s="114">
        <f t="shared" si="7"/>
        <v>3</v>
      </c>
      <c r="K337" s="68" t="str">
        <f t="shared" si="8"/>
        <v/>
      </c>
      <c r="L337" s="117">
        <v>2</v>
      </c>
      <c r="M337" s="117">
        <v>1</v>
      </c>
    </row>
    <row r="338" spans="1:22" s="70" customFormat="1" ht="34.5" customHeight="1" x14ac:dyDescent="0.15">
      <c r="A338" s="195" t="s">
        <v>368</v>
      </c>
      <c r="B338" s="99"/>
      <c r="C338" s="333"/>
      <c r="D338" s="333"/>
      <c r="E338" s="261" t="s">
        <v>152</v>
      </c>
      <c r="F338" s="262"/>
      <c r="G338" s="262"/>
      <c r="H338" s="263"/>
      <c r="I338" s="344"/>
      <c r="J338" s="114">
        <f t="shared" si="7"/>
        <v>34</v>
      </c>
      <c r="K338" s="68" t="str">
        <f t="shared" si="8"/>
        <v/>
      </c>
      <c r="L338" s="117">
        <v>33</v>
      </c>
      <c r="M338" s="117">
        <v>1</v>
      </c>
    </row>
    <row r="339" spans="1:22" s="70" customFormat="1" ht="34.5" customHeight="1" x14ac:dyDescent="0.15">
      <c r="A339" s="195" t="s">
        <v>369</v>
      </c>
      <c r="B339" s="99"/>
      <c r="C339" s="333"/>
      <c r="D339" s="333"/>
      <c r="E339" s="261" t="s">
        <v>153</v>
      </c>
      <c r="F339" s="262"/>
      <c r="G339" s="262"/>
      <c r="H339" s="263"/>
      <c r="I339" s="344"/>
      <c r="J339" s="114">
        <f t="shared" si="7"/>
        <v>3</v>
      </c>
      <c r="K339" s="68" t="str">
        <f t="shared" si="8"/>
        <v/>
      </c>
      <c r="L339" s="117">
        <v>2</v>
      </c>
      <c r="M339" s="117">
        <v>1</v>
      </c>
    </row>
    <row r="340" spans="1:22" s="70" customFormat="1" ht="34.5" customHeight="1" x14ac:dyDescent="0.15">
      <c r="A340" s="195" t="s">
        <v>370</v>
      </c>
      <c r="B340" s="99"/>
      <c r="C340" s="333"/>
      <c r="D340" s="333"/>
      <c r="E340" s="261" t="s">
        <v>154</v>
      </c>
      <c r="F340" s="262"/>
      <c r="G340" s="262"/>
      <c r="H340" s="263"/>
      <c r="I340" s="344"/>
      <c r="J340" s="114">
        <f t="shared" si="7"/>
        <v>0</v>
      </c>
      <c r="K340" s="68" t="str">
        <f t="shared" si="8"/>
        <v/>
      </c>
      <c r="L340" s="117">
        <v>0</v>
      </c>
      <c r="M340" s="117">
        <v>0</v>
      </c>
    </row>
    <row r="341" spans="1:22" s="70" customFormat="1" ht="34.5" customHeight="1" x14ac:dyDescent="0.15">
      <c r="A341" s="195" t="s">
        <v>371</v>
      </c>
      <c r="B341" s="99"/>
      <c r="C341" s="333"/>
      <c r="D341" s="333"/>
      <c r="E341" s="261" t="s">
        <v>155</v>
      </c>
      <c r="F341" s="262"/>
      <c r="G341" s="262"/>
      <c r="H341" s="263"/>
      <c r="I341" s="344"/>
      <c r="J341" s="114">
        <f t="shared" si="7"/>
        <v>0</v>
      </c>
      <c r="K341" s="68" t="str">
        <f t="shared" si="8"/>
        <v/>
      </c>
      <c r="L341" s="117">
        <v>0</v>
      </c>
      <c r="M341" s="117">
        <v>0</v>
      </c>
    </row>
    <row r="342" spans="1:22" s="70" customFormat="1" ht="34.5" customHeight="1" x14ac:dyDescent="0.15">
      <c r="A342" s="195" t="s">
        <v>372</v>
      </c>
      <c r="B342" s="99"/>
      <c r="C342" s="333"/>
      <c r="D342" s="333"/>
      <c r="E342" s="299" t="s">
        <v>200</v>
      </c>
      <c r="F342" s="300"/>
      <c r="G342" s="300"/>
      <c r="H342" s="301"/>
      <c r="I342" s="344"/>
      <c r="J342" s="114">
        <f t="shared" si="7"/>
        <v>0</v>
      </c>
      <c r="K342" s="68" t="str">
        <f t="shared" si="8"/>
        <v/>
      </c>
      <c r="L342" s="117">
        <v>0</v>
      </c>
      <c r="M342" s="117">
        <v>0</v>
      </c>
    </row>
    <row r="343" spans="1:22" s="70" customFormat="1" ht="34.5" customHeight="1" x14ac:dyDescent="0.15">
      <c r="A343" s="195" t="s">
        <v>373</v>
      </c>
      <c r="B343" s="99"/>
      <c r="C343" s="333"/>
      <c r="D343" s="333"/>
      <c r="E343" s="261" t="s">
        <v>156</v>
      </c>
      <c r="F343" s="262"/>
      <c r="G343" s="262"/>
      <c r="H343" s="263"/>
      <c r="I343" s="344"/>
      <c r="J343" s="114">
        <f t="shared" si="7"/>
        <v>1</v>
      </c>
      <c r="K343" s="68" t="str">
        <f t="shared" si="8"/>
        <v/>
      </c>
      <c r="L343" s="117">
        <v>1</v>
      </c>
      <c r="M343" s="117">
        <v>0</v>
      </c>
    </row>
    <row r="344" spans="1:22" s="70" customFormat="1" ht="34.5" customHeight="1" x14ac:dyDescent="0.15">
      <c r="A344" s="195" t="s">
        <v>374</v>
      </c>
      <c r="B344" s="99"/>
      <c r="C344" s="333"/>
      <c r="D344" s="333"/>
      <c r="E344" s="261" t="s">
        <v>157</v>
      </c>
      <c r="F344" s="262"/>
      <c r="G344" s="262"/>
      <c r="H344" s="263"/>
      <c r="I344" s="344"/>
      <c r="J344" s="114">
        <f t="shared" si="7"/>
        <v>1</v>
      </c>
      <c r="K344" s="68" t="str">
        <f t="shared" si="8"/>
        <v/>
      </c>
      <c r="L344" s="117">
        <v>1</v>
      </c>
      <c r="M344" s="117">
        <v>0</v>
      </c>
    </row>
    <row r="345" spans="1:22" s="70" customFormat="1" ht="34.5" customHeight="1" x14ac:dyDescent="0.15">
      <c r="A345" s="195" t="s">
        <v>375</v>
      </c>
      <c r="B345" s="99"/>
      <c r="C345" s="333"/>
      <c r="D345" s="333"/>
      <c r="E345" s="261" t="s">
        <v>87</v>
      </c>
      <c r="F345" s="262"/>
      <c r="G345" s="262"/>
      <c r="H345" s="263"/>
      <c r="I345" s="345"/>
      <c r="J345" s="114">
        <f t="shared" si="7"/>
        <v>0</v>
      </c>
      <c r="K345" s="68" t="str">
        <f t="shared" si="8"/>
        <v/>
      </c>
      <c r="L345" s="117">
        <v>0</v>
      </c>
      <c r="M345" s="117">
        <v>0</v>
      </c>
    </row>
    <row r="346" spans="1:22" s="77" customFormat="1" x14ac:dyDescent="0.15">
      <c r="A346" s="188"/>
      <c r="B346" s="14"/>
      <c r="C346" s="14"/>
      <c r="D346" s="14"/>
      <c r="E346" s="14"/>
      <c r="F346" s="14"/>
      <c r="G346" s="14"/>
      <c r="H346" s="10"/>
      <c r="I346" s="10"/>
      <c r="J346" s="74"/>
      <c r="K346" s="75"/>
      <c r="L346" s="76"/>
      <c r="M346" s="76"/>
    </row>
    <row r="347" spans="1:22" s="70" customFormat="1" x14ac:dyDescent="0.15">
      <c r="A347" s="188"/>
      <c r="B347" s="71"/>
      <c r="C347" s="52"/>
      <c r="D347" s="52"/>
      <c r="E347" s="52"/>
      <c r="F347" s="52"/>
      <c r="G347" s="52"/>
      <c r="H347" s="78"/>
      <c r="I347" s="78"/>
      <c r="J347" s="74"/>
      <c r="K347" s="75"/>
      <c r="L347" s="76"/>
      <c r="M347" s="76"/>
    </row>
    <row r="348" spans="1:22" s="3" customFormat="1" x14ac:dyDescent="0.15">
      <c r="A348" s="188"/>
      <c r="B348" s="99"/>
      <c r="C348" s="147"/>
      <c r="D348" s="146"/>
      <c r="H348" s="228"/>
      <c r="I348" s="228"/>
      <c r="J348" s="51"/>
      <c r="K348" s="24"/>
      <c r="L348" s="89"/>
      <c r="M348" s="89"/>
    </row>
    <row r="349" spans="1:22" s="3" customFormat="1" x14ac:dyDescent="0.15">
      <c r="A349" s="188"/>
      <c r="B349" s="14" t="s">
        <v>161</v>
      </c>
      <c r="C349" s="88"/>
      <c r="D349" s="88"/>
      <c r="E349" s="88"/>
      <c r="F349" s="88"/>
      <c r="G349" s="88"/>
      <c r="H349" s="10"/>
      <c r="I349" s="10"/>
      <c r="J349" s="51"/>
      <c r="K349" s="24"/>
      <c r="L349" s="89"/>
      <c r="M349" s="89"/>
    </row>
    <row r="350" spans="1:22" x14ac:dyDescent="0.15">
      <c r="A350" s="188"/>
      <c r="B350" s="14"/>
      <c r="C350" s="14"/>
      <c r="D350" s="14"/>
      <c r="E350" s="14"/>
      <c r="F350" s="14"/>
      <c r="G350" s="14"/>
      <c r="H350" s="10"/>
      <c r="I350" s="10"/>
      <c r="L350" s="185"/>
      <c r="M350" s="185"/>
      <c r="N350" s="8"/>
      <c r="O350" s="8"/>
      <c r="P350" s="8"/>
      <c r="Q350" s="8"/>
      <c r="R350" s="8"/>
      <c r="S350" s="8"/>
      <c r="T350" s="8"/>
      <c r="U350" s="8"/>
      <c r="V350" s="8"/>
    </row>
    <row r="351" spans="1:22" ht="34.5" customHeight="1" x14ac:dyDescent="0.15">
      <c r="A351" s="216"/>
      <c r="B351" s="14"/>
      <c r="C351" s="3"/>
      <c r="D351" s="3"/>
      <c r="F351" s="3"/>
      <c r="G351" s="3"/>
      <c r="H351" s="228"/>
      <c r="I351" s="228"/>
      <c r="J351" s="65" t="s">
        <v>27</v>
      </c>
      <c r="K351" s="148"/>
      <c r="L351" s="56" t="s">
        <v>431</v>
      </c>
      <c r="M351" s="56" t="s">
        <v>434</v>
      </c>
      <c r="N351" s="8"/>
      <c r="O351" s="8"/>
      <c r="P351" s="8"/>
      <c r="Q351" s="8"/>
      <c r="R351" s="8"/>
      <c r="S351" s="8"/>
      <c r="T351" s="8"/>
      <c r="U351" s="8"/>
      <c r="V351" s="8"/>
    </row>
    <row r="352" spans="1:22" ht="20.25" customHeight="1" x14ac:dyDescent="0.15">
      <c r="A352" s="191" t="s">
        <v>202</v>
      </c>
      <c r="B352" s="1"/>
      <c r="C352" s="52"/>
      <c r="D352" s="3"/>
      <c r="F352" s="3"/>
      <c r="G352" s="3"/>
      <c r="H352" s="228"/>
      <c r="I352" s="57" t="s">
        <v>28</v>
      </c>
      <c r="J352" s="58"/>
      <c r="K352" s="149"/>
      <c r="L352" s="60" t="s">
        <v>432</v>
      </c>
      <c r="M352" s="60" t="s">
        <v>432</v>
      </c>
      <c r="N352" s="8"/>
      <c r="O352" s="8"/>
      <c r="P352" s="8"/>
      <c r="Q352" s="8"/>
      <c r="R352" s="8"/>
      <c r="S352" s="8"/>
      <c r="T352" s="8"/>
      <c r="U352" s="8"/>
      <c r="V352" s="8"/>
    </row>
    <row r="353" spans="1:22" s="70" customFormat="1" ht="34.5" customHeight="1" x14ac:dyDescent="0.15">
      <c r="A353" s="195" t="s">
        <v>376</v>
      </c>
      <c r="B353" s="99"/>
      <c r="C353" s="267" t="s">
        <v>162</v>
      </c>
      <c r="D353" s="273"/>
      <c r="E353" s="273"/>
      <c r="F353" s="273"/>
      <c r="G353" s="273"/>
      <c r="H353" s="268"/>
      <c r="I353" s="287" t="s">
        <v>377</v>
      </c>
      <c r="J353" s="155">
        <f>IF(SUM(L353:M353)=0,IF(COUNTIF(L353:M353,"未確認")&gt;0,"未確認",IF(COUNTIF(L353:M353,"~*")&gt;0,"*",SUM(L353:M353))),SUM(L353:M353))</f>
        <v>42</v>
      </c>
      <c r="K353" s="156" t="str">
        <f>IF(OR(COUNTIF(L353:M353,"未確認")&gt;0,COUNTIF(L353:M353,"~*")&gt;0),"※","")</f>
        <v/>
      </c>
      <c r="L353" s="117">
        <v>39</v>
      </c>
      <c r="M353" s="117">
        <v>3</v>
      </c>
    </row>
    <row r="354" spans="1:22" s="70" customFormat="1" ht="34.5" customHeight="1" x14ac:dyDescent="0.15">
      <c r="A354" s="194" t="s">
        <v>378</v>
      </c>
      <c r="B354" s="99"/>
      <c r="C354" s="151"/>
      <c r="D354" s="152"/>
      <c r="E354" s="349" t="s">
        <v>379</v>
      </c>
      <c r="F354" s="350"/>
      <c r="G354" s="350"/>
      <c r="H354" s="351"/>
      <c r="I354" s="344"/>
      <c r="J354" s="155">
        <f>IF(SUM(L354:M354)=0,IF(COUNTIF(L354:M354,"未確認")&gt;0,"未確認",IF(COUNTIF(L354:M354,"~*")&gt;0,"*",SUM(L354:M354))),SUM(L354:M354))</f>
        <v>0</v>
      </c>
      <c r="K354" s="156" t="str">
        <f>IF(OR(COUNTIF(L354:M354,"未確認")&gt;0,COUNTIF(L354:M354,"~*")&gt;0),"※","")</f>
        <v/>
      </c>
      <c r="L354" s="117">
        <v>0</v>
      </c>
      <c r="M354" s="117">
        <v>0</v>
      </c>
    </row>
    <row r="355" spans="1:22" s="70" customFormat="1" ht="34.5" customHeight="1" x14ac:dyDescent="0.15">
      <c r="A355" s="194" t="s">
        <v>380</v>
      </c>
      <c r="B355" s="99"/>
      <c r="C355" s="151"/>
      <c r="D355" s="152"/>
      <c r="E355" s="349" t="s">
        <v>381</v>
      </c>
      <c r="F355" s="350"/>
      <c r="G355" s="350"/>
      <c r="H355" s="351"/>
      <c r="I355" s="344"/>
      <c r="J355" s="155">
        <f>IF(SUM(L355:M355)=0,IF(COUNTIF(L355:M355,"未確認")&gt;0,"未確認",IF(COUNTIF(L355:M355,"~*")&gt;0,"*",SUM(L355:M355))),SUM(L355:M355))</f>
        <v>0</v>
      </c>
      <c r="K355" s="156" t="str">
        <f>IF(OR(COUNTIF(L355:M355,"未確認")&gt;0,COUNTIF(L355:M355,"~*")&gt;0),"※","")</f>
        <v/>
      </c>
      <c r="L355" s="117">
        <v>0</v>
      </c>
      <c r="M355" s="117">
        <v>0</v>
      </c>
    </row>
    <row r="356" spans="1:22" s="70" customFormat="1" ht="34.5" customHeight="1" x14ac:dyDescent="0.15">
      <c r="A356" s="194" t="s">
        <v>382</v>
      </c>
      <c r="B356" s="99"/>
      <c r="C356" s="151"/>
      <c r="D356" s="152"/>
      <c r="E356" s="349" t="s">
        <v>383</v>
      </c>
      <c r="F356" s="350"/>
      <c r="G356" s="350"/>
      <c r="H356" s="351"/>
      <c r="I356" s="344"/>
      <c r="J356" s="155">
        <f>IF(SUM(L356:M356)=0,IF(COUNTIF(L356:M356,"未確認")&gt;0,"未確認",IF(COUNTIF(L356:M356,"~*")&gt;0,"*",SUM(L356:M356))),SUM(L356:M356))</f>
        <v>39</v>
      </c>
      <c r="K356" s="156" t="str">
        <f>IF(OR(COUNTIF(L356:M356,"未確認")&gt;0,COUNTIF(L356:M356,"~*")&gt;0),"※","")</f>
        <v/>
      </c>
      <c r="L356" s="117">
        <v>37</v>
      </c>
      <c r="M356" s="117">
        <v>2</v>
      </c>
    </row>
    <row r="357" spans="1:22" s="70" customFormat="1" ht="34.5" customHeight="1" x14ac:dyDescent="0.15">
      <c r="A357" s="195" t="s">
        <v>384</v>
      </c>
      <c r="B357" s="1"/>
      <c r="C357" s="153"/>
      <c r="D357" s="154"/>
      <c r="E357" s="349" t="s">
        <v>385</v>
      </c>
      <c r="F357" s="350"/>
      <c r="G357" s="350"/>
      <c r="H357" s="351"/>
      <c r="I357" s="345"/>
      <c r="J357" s="155">
        <f>IF(SUM(L357:M357)=0,IF(COUNTIF(L357:M357,"未確認")&gt;0,"未確認",IF(COUNTIF(L357:M357,"~*")&gt;0,"*",SUM(L357:M357))),SUM(L357:M357))</f>
        <v>0</v>
      </c>
      <c r="K357" s="156" t="str">
        <f>IF(OR(COUNTIF(L357:M357,"未確認")&gt;0,COUNTIF(L357:M357,"~*")&gt;0),"※","")</f>
        <v/>
      </c>
      <c r="L357" s="117">
        <v>0</v>
      </c>
      <c r="M357" s="117">
        <v>0</v>
      </c>
    </row>
    <row r="358" spans="1:22" s="77" customFormat="1" x14ac:dyDescent="0.15">
      <c r="A358" s="188"/>
      <c r="B358" s="14"/>
      <c r="C358" s="186"/>
      <c r="D358" s="14"/>
      <c r="E358" s="14"/>
      <c r="F358" s="14"/>
      <c r="G358" s="14"/>
      <c r="H358" s="10"/>
      <c r="I358" s="10"/>
      <c r="J358" s="74"/>
      <c r="K358" s="75"/>
      <c r="L358" s="76"/>
      <c r="M358" s="76"/>
    </row>
    <row r="359" spans="1:22" s="70" customFormat="1" x14ac:dyDescent="0.15">
      <c r="A359" s="188"/>
      <c r="B359" s="71"/>
      <c r="C359" s="52"/>
      <c r="D359" s="52"/>
      <c r="E359" s="52"/>
      <c r="F359" s="52"/>
      <c r="G359" s="52"/>
      <c r="H359" s="78"/>
      <c r="I359" s="78"/>
      <c r="J359" s="74"/>
      <c r="K359" s="75"/>
      <c r="L359" s="76"/>
      <c r="M359" s="76"/>
    </row>
    <row r="360" spans="1:22" s="77" customFormat="1" x14ac:dyDescent="0.15">
      <c r="A360" s="188"/>
      <c r="B360" s="1"/>
      <c r="C360" s="157"/>
      <c r="D360" s="3"/>
      <c r="E360" s="3"/>
      <c r="F360" s="3"/>
      <c r="G360" s="3"/>
      <c r="H360" s="158"/>
      <c r="I360" s="158"/>
      <c r="J360" s="51"/>
      <c r="K360" s="24"/>
      <c r="L360" s="89"/>
      <c r="M360" s="89"/>
    </row>
    <row r="361" spans="1:22" s="3" customFormat="1" x14ac:dyDescent="0.15">
      <c r="A361" s="188"/>
      <c r="B361" s="14" t="s">
        <v>163</v>
      </c>
      <c r="C361" s="88"/>
      <c r="D361" s="88"/>
      <c r="E361" s="88"/>
      <c r="F361" s="88"/>
      <c r="G361" s="88"/>
      <c r="H361" s="10"/>
      <c r="I361" s="10"/>
      <c r="J361" s="51"/>
      <c r="K361" s="24"/>
      <c r="L361" s="89"/>
      <c r="M361" s="89"/>
    </row>
    <row r="362" spans="1:22" s="77" customFormat="1" x14ac:dyDescent="0.15">
      <c r="A362" s="188"/>
      <c r="B362" s="99" t="s">
        <v>164</v>
      </c>
      <c r="C362" s="3"/>
      <c r="D362" s="3"/>
      <c r="E362" s="3"/>
      <c r="F362" s="3"/>
      <c r="G362" s="3"/>
      <c r="H362" s="228"/>
      <c r="I362" s="228"/>
      <c r="J362" s="51"/>
      <c r="K362" s="24"/>
      <c r="L362" s="89"/>
      <c r="M362" s="89"/>
    </row>
    <row r="363" spans="1:22" x14ac:dyDescent="0.15">
      <c r="A363" s="188"/>
      <c r="B363" s="14"/>
      <c r="C363" s="14"/>
      <c r="D363" s="14"/>
      <c r="E363" s="14"/>
      <c r="F363" s="14"/>
      <c r="G363" s="14"/>
      <c r="H363" s="10"/>
      <c r="I363" s="10"/>
      <c r="L363" s="185"/>
      <c r="M363" s="185"/>
      <c r="N363" s="8"/>
      <c r="O363" s="8"/>
      <c r="P363" s="8"/>
      <c r="Q363" s="8"/>
      <c r="R363" s="8"/>
      <c r="S363" s="8"/>
      <c r="T363" s="8"/>
      <c r="U363" s="8"/>
      <c r="V363" s="8"/>
    </row>
    <row r="364" spans="1:22" ht="34.5" customHeight="1" x14ac:dyDescent="0.15">
      <c r="A364" s="188"/>
      <c r="B364" s="14"/>
      <c r="C364" s="3"/>
      <c r="D364" s="3"/>
      <c r="F364" s="3"/>
      <c r="G364" s="3"/>
      <c r="H364" s="228"/>
      <c r="I364" s="228"/>
      <c r="J364" s="65" t="s">
        <v>27</v>
      </c>
      <c r="K364" s="148"/>
      <c r="L364" s="56" t="s">
        <v>431</v>
      </c>
      <c r="M364" s="56" t="s">
        <v>434</v>
      </c>
      <c r="N364" s="8"/>
      <c r="O364" s="8"/>
      <c r="P364" s="8"/>
      <c r="Q364" s="8"/>
      <c r="R364" s="8"/>
      <c r="S364" s="8"/>
      <c r="T364" s="8"/>
      <c r="U364" s="8"/>
      <c r="V364" s="8"/>
    </row>
    <row r="365" spans="1:22" ht="20.25" customHeight="1" x14ac:dyDescent="0.15">
      <c r="A365" s="188"/>
      <c r="B365" s="1"/>
      <c r="C365" s="3"/>
      <c r="D365" s="3"/>
      <c r="F365" s="3"/>
      <c r="G365" s="3"/>
      <c r="H365" s="228"/>
      <c r="I365" s="57" t="s">
        <v>28</v>
      </c>
      <c r="J365" s="58"/>
      <c r="K365" s="149"/>
      <c r="L365" s="60" t="s">
        <v>432</v>
      </c>
      <c r="M365" s="60" t="s">
        <v>432</v>
      </c>
      <c r="N365" s="8"/>
      <c r="O365" s="8"/>
      <c r="P365" s="8"/>
      <c r="Q365" s="8"/>
      <c r="R365" s="8"/>
      <c r="S365" s="8"/>
      <c r="T365" s="8"/>
      <c r="U365" s="8"/>
      <c r="V365" s="8"/>
    </row>
    <row r="366" spans="1:22" s="70" customFormat="1" ht="34.5" customHeight="1" x14ac:dyDescent="0.15">
      <c r="A366" s="195" t="s">
        <v>386</v>
      </c>
      <c r="B366" s="99"/>
      <c r="C366" s="346" t="s">
        <v>387</v>
      </c>
      <c r="D366" s="347"/>
      <c r="E366" s="347"/>
      <c r="F366" s="347"/>
      <c r="G366" s="347"/>
      <c r="H366" s="348"/>
      <c r="I366" s="287" t="s">
        <v>388</v>
      </c>
      <c r="J366" s="155">
        <v>0</v>
      </c>
      <c r="K366" s="150" t="str">
        <f>IF(OR(COUNTIF(J366,"未確認")&gt;0,COUNTIF(J366,"~*")&gt;0),"※","")</f>
        <v/>
      </c>
      <c r="L366" s="209"/>
      <c r="M366" s="127"/>
    </row>
    <row r="367" spans="1:22" s="70" customFormat="1" ht="34.5" customHeight="1" x14ac:dyDescent="0.15">
      <c r="A367" s="195" t="s">
        <v>389</v>
      </c>
      <c r="B367" s="99"/>
      <c r="C367" s="151"/>
      <c r="D367" s="159"/>
      <c r="E367" s="261" t="s">
        <v>165</v>
      </c>
      <c r="F367" s="262"/>
      <c r="G367" s="262"/>
      <c r="H367" s="263"/>
      <c r="I367" s="356"/>
      <c r="J367" s="155">
        <v>0</v>
      </c>
      <c r="K367" s="150" t="str">
        <f t="shared" ref="K367:K371" si="9">IF(OR(COUNTIF(J367,"未確認")&gt;0,COUNTIF(J367,"~*")&gt;0),"※","")</f>
        <v/>
      </c>
      <c r="L367" s="210"/>
      <c r="M367" s="129"/>
    </row>
    <row r="368" spans="1:22" s="70" customFormat="1" ht="34.5" customHeight="1" x14ac:dyDescent="0.15">
      <c r="A368" s="195" t="s">
        <v>390</v>
      </c>
      <c r="B368" s="99"/>
      <c r="C368" s="153"/>
      <c r="D368" s="160"/>
      <c r="E368" s="261" t="s">
        <v>166</v>
      </c>
      <c r="F368" s="262"/>
      <c r="G368" s="262"/>
      <c r="H368" s="263"/>
      <c r="I368" s="356"/>
      <c r="J368" s="155">
        <v>0</v>
      </c>
      <c r="K368" s="150" t="str">
        <f t="shared" si="9"/>
        <v/>
      </c>
      <c r="L368" s="210"/>
      <c r="M368" s="129"/>
    </row>
    <row r="369" spans="1:13" s="70" customFormat="1" ht="34.5" customHeight="1" x14ac:dyDescent="0.15">
      <c r="A369" s="195" t="s">
        <v>391</v>
      </c>
      <c r="B369" s="99"/>
      <c r="C369" s="358" t="s">
        <v>392</v>
      </c>
      <c r="D369" s="359"/>
      <c r="E369" s="359"/>
      <c r="F369" s="359"/>
      <c r="G369" s="359"/>
      <c r="H369" s="360"/>
      <c r="I369" s="356"/>
      <c r="J369" s="155">
        <v>0</v>
      </c>
      <c r="K369" s="150" t="str">
        <f t="shared" si="9"/>
        <v/>
      </c>
      <c r="L369" s="210"/>
      <c r="M369" s="129"/>
    </row>
    <row r="370" spans="1:13" s="70" customFormat="1" ht="34.5" customHeight="1" x14ac:dyDescent="0.15">
      <c r="A370" s="195" t="s">
        <v>393</v>
      </c>
      <c r="B370" s="99"/>
      <c r="C370" s="151"/>
      <c r="D370" s="159"/>
      <c r="E370" s="261" t="s">
        <v>167</v>
      </c>
      <c r="F370" s="262"/>
      <c r="G370" s="262"/>
      <c r="H370" s="263"/>
      <c r="I370" s="356"/>
      <c r="J370" s="155">
        <v>0</v>
      </c>
      <c r="K370" s="150" t="str">
        <f t="shared" si="9"/>
        <v/>
      </c>
      <c r="L370" s="210"/>
      <c r="M370" s="129"/>
    </row>
    <row r="371" spans="1:13" s="70" customFormat="1" ht="34.5" customHeight="1" x14ac:dyDescent="0.15">
      <c r="A371" s="195" t="s">
        <v>394</v>
      </c>
      <c r="B371" s="99"/>
      <c r="C371" s="153"/>
      <c r="D371" s="160"/>
      <c r="E371" s="261" t="s">
        <v>168</v>
      </c>
      <c r="F371" s="262"/>
      <c r="G371" s="262"/>
      <c r="H371" s="263"/>
      <c r="I371" s="357"/>
      <c r="J371" s="155">
        <v>0</v>
      </c>
      <c r="K371" s="150" t="str">
        <f t="shared" si="9"/>
        <v/>
      </c>
      <c r="L371" s="211"/>
      <c r="M371" s="130"/>
    </row>
    <row r="372" spans="1:13" s="77" customFormat="1" x14ac:dyDescent="0.15">
      <c r="A372" s="188"/>
      <c r="B372" s="14"/>
      <c r="C372" s="14"/>
      <c r="D372" s="14"/>
      <c r="E372" s="14"/>
      <c r="F372" s="14"/>
      <c r="G372" s="14"/>
      <c r="H372" s="10"/>
      <c r="I372" s="10"/>
      <c r="J372" s="74"/>
      <c r="K372" s="75"/>
      <c r="L372" s="76"/>
      <c r="M372" s="76"/>
    </row>
    <row r="373" spans="1:13" s="70" customFormat="1" x14ac:dyDescent="0.15">
      <c r="A373" s="188"/>
      <c r="B373" s="71"/>
      <c r="C373" s="52"/>
      <c r="D373" s="52"/>
      <c r="E373" s="52"/>
      <c r="F373" s="52"/>
      <c r="G373" s="52"/>
      <c r="H373" s="78"/>
      <c r="I373" s="78"/>
      <c r="J373" s="74"/>
      <c r="K373" s="75"/>
      <c r="L373" s="76"/>
      <c r="M373" s="76"/>
    </row>
    <row r="374" spans="1:13" s="70" customFormat="1" x14ac:dyDescent="0.15">
      <c r="A374" s="188"/>
      <c r="B374" s="99"/>
      <c r="C374" s="99"/>
      <c r="D374" s="52"/>
      <c r="E374" s="52"/>
      <c r="F374" s="52"/>
      <c r="G374" s="52"/>
      <c r="H374" s="78"/>
      <c r="I374" s="132" t="s">
        <v>242</v>
      </c>
      <c r="J374" s="74"/>
      <c r="K374" s="75"/>
      <c r="L374" s="76"/>
      <c r="M374" s="76"/>
    </row>
    <row r="375" spans="1:13" s="70" customFormat="1" x14ac:dyDescent="0.15">
      <c r="A375" s="188"/>
      <c r="B375" s="99"/>
      <c r="C375" s="99"/>
      <c r="D375" s="52"/>
      <c r="E375" s="52"/>
      <c r="F375" s="52"/>
      <c r="G375" s="52"/>
      <c r="H375" s="78"/>
      <c r="I375" s="78"/>
      <c r="J375" s="74"/>
      <c r="K375" s="75"/>
      <c r="L375" s="76"/>
      <c r="M375" s="76"/>
    </row>
    <row r="376" spans="1:13" s="70" customFormat="1" x14ac:dyDescent="0.15">
      <c r="A376" s="188"/>
      <c r="B376" s="99"/>
      <c r="C376" s="99"/>
      <c r="D376" s="52"/>
      <c r="E376" s="52"/>
      <c r="F376" s="52"/>
      <c r="G376" s="52"/>
      <c r="H376" s="78"/>
      <c r="I376" s="78"/>
      <c r="J376" s="74"/>
      <c r="K376" s="75"/>
      <c r="L376" s="76"/>
      <c r="M376" s="76"/>
    </row>
    <row r="377" spans="1:13" s="17" customFormat="1" x14ac:dyDescent="0.15">
      <c r="A377" s="188"/>
      <c r="B377" s="1"/>
      <c r="C377" s="43"/>
      <c r="D377" s="27"/>
      <c r="E377" s="27"/>
      <c r="F377" s="27"/>
      <c r="G377" s="27"/>
      <c r="H377" s="16"/>
      <c r="I377" s="239"/>
      <c r="J377" s="5"/>
      <c r="K377" s="6"/>
      <c r="M377" s="41"/>
    </row>
    <row r="378" spans="1:13" s="17" customFormat="1" x14ac:dyDescent="0.15">
      <c r="A378" s="188"/>
      <c r="B378" s="1"/>
      <c r="C378" s="43"/>
      <c r="D378" s="27"/>
      <c r="E378" s="27"/>
      <c r="F378" s="27"/>
      <c r="G378" s="27"/>
      <c r="H378" s="16"/>
      <c r="I378" s="239"/>
      <c r="J378" s="5"/>
      <c r="K378" s="6"/>
      <c r="M378" s="41"/>
    </row>
    <row r="379" spans="1:13" s="17" customFormat="1" x14ac:dyDescent="0.15">
      <c r="A379" s="188"/>
      <c r="B379" s="1"/>
      <c r="H379" s="43"/>
      <c r="M379" s="29"/>
    </row>
    <row r="380" spans="1:13" s="17" customFormat="1" x14ac:dyDescent="0.15">
      <c r="A380" s="188"/>
      <c r="B380" s="1"/>
      <c r="H380" s="43"/>
      <c r="M380" s="41"/>
    </row>
    <row r="381" spans="1:13" s="17" customFormat="1" x14ac:dyDescent="0.15">
      <c r="A381" s="188"/>
      <c r="B381" s="1"/>
      <c r="H381" s="43"/>
      <c r="M381" s="29"/>
    </row>
    <row r="382" spans="1:13" s="17" customFormat="1" x14ac:dyDescent="0.15">
      <c r="A382" s="188"/>
      <c r="B382" s="1"/>
      <c r="H382" s="43"/>
      <c r="M382" s="29"/>
    </row>
    <row r="383" spans="1:13" s="17" customFormat="1" x14ac:dyDescent="0.15">
      <c r="A383" s="188"/>
      <c r="B383" s="1"/>
      <c r="H383" s="43"/>
      <c r="L383" s="7"/>
      <c r="M383" s="7"/>
    </row>
    <row r="384" spans="1:13" s="17" customFormat="1" x14ac:dyDescent="0.15">
      <c r="A384" s="188"/>
      <c r="B384" s="1"/>
      <c r="C384" s="32"/>
      <c r="D384" s="32"/>
      <c r="E384" s="32"/>
      <c r="F384" s="32"/>
      <c r="G384" s="161"/>
      <c r="H384" s="32"/>
      <c r="I384" s="32"/>
      <c r="J384" s="32"/>
      <c r="K384" s="42"/>
      <c r="L384" s="32"/>
      <c r="M384" s="32"/>
    </row>
    <row r="385" spans="1:22" s="17" customFormat="1" x14ac:dyDescent="0.15">
      <c r="A385" s="188"/>
      <c r="B385" s="1"/>
      <c r="C385" s="52"/>
      <c r="D385" s="3"/>
      <c r="E385" s="3"/>
      <c r="F385" s="3"/>
      <c r="G385" s="3"/>
      <c r="H385" s="228"/>
      <c r="I385" s="228"/>
      <c r="J385" s="53"/>
      <c r="K385" s="24"/>
      <c r="L385" s="51"/>
      <c r="M385" s="51"/>
    </row>
    <row r="386" spans="1:22" s="77" customFormat="1" ht="19.5" x14ac:dyDescent="0.15">
      <c r="A386" s="188"/>
      <c r="B386" s="143" t="s">
        <v>171</v>
      </c>
      <c r="C386" s="162"/>
      <c r="D386" s="47"/>
      <c r="E386" s="47"/>
      <c r="F386" s="47"/>
      <c r="G386" s="47"/>
      <c r="H386" s="48"/>
      <c r="I386" s="48"/>
      <c r="J386" s="50"/>
      <c r="K386" s="53"/>
      <c r="L386" s="89"/>
      <c r="M386" s="89"/>
    </row>
    <row r="387" spans="1:22" s="77" customFormat="1" x14ac:dyDescent="0.15">
      <c r="A387" s="188"/>
      <c r="B387" s="14" t="s">
        <v>261</v>
      </c>
      <c r="C387" s="134"/>
      <c r="D387" s="3"/>
      <c r="E387" s="3"/>
      <c r="F387" s="3"/>
      <c r="G387" s="3"/>
      <c r="H387" s="247"/>
      <c r="I387" s="247"/>
      <c r="J387" s="51"/>
      <c r="K387" s="254"/>
      <c r="L387" s="255"/>
      <c r="M387" s="255"/>
    </row>
    <row r="388" spans="1:22" s="77" customFormat="1" ht="14.25" x14ac:dyDescent="0.15">
      <c r="A388" s="188"/>
      <c r="C388" s="134"/>
      <c r="D388" s="3"/>
      <c r="E388" s="3"/>
      <c r="F388" s="3"/>
      <c r="G388" s="3"/>
      <c r="H388" s="247"/>
      <c r="I388" s="247"/>
      <c r="J388" s="51"/>
      <c r="K388" s="49"/>
      <c r="L388" s="145"/>
      <c r="M388" s="145"/>
    </row>
    <row r="389" spans="1:22" ht="34.5" customHeight="1" x14ac:dyDescent="0.15">
      <c r="A389" s="188"/>
      <c r="B389" s="14"/>
      <c r="C389" s="8"/>
      <c r="D389" s="3"/>
      <c r="F389" s="3"/>
      <c r="G389" s="3"/>
      <c r="H389" s="228"/>
      <c r="I389" s="228"/>
      <c r="J389" s="65" t="s">
        <v>27</v>
      </c>
      <c r="K389" s="252"/>
      <c r="L389" s="253" t="s">
        <v>431</v>
      </c>
      <c r="M389" s="253" t="s">
        <v>434</v>
      </c>
      <c r="N389" s="8"/>
      <c r="O389" s="8"/>
      <c r="P389" s="8"/>
      <c r="Q389" s="8"/>
      <c r="R389" s="8"/>
      <c r="S389" s="8"/>
      <c r="T389" s="8"/>
      <c r="U389" s="8"/>
      <c r="V389" s="8"/>
    </row>
    <row r="390" spans="1:22" ht="20.25" customHeight="1" x14ac:dyDescent="0.15">
      <c r="A390" s="188"/>
      <c r="B390" s="1"/>
      <c r="C390" s="354"/>
      <c r="D390" s="355"/>
      <c r="E390" s="355"/>
      <c r="F390" s="355"/>
      <c r="G390" s="88"/>
      <c r="H390" s="228"/>
      <c r="I390" s="57" t="s">
        <v>28</v>
      </c>
      <c r="J390" s="58"/>
      <c r="K390" s="149"/>
      <c r="L390" s="60" t="s">
        <v>432</v>
      </c>
      <c r="M390" s="60" t="s">
        <v>432</v>
      </c>
      <c r="N390" s="8"/>
      <c r="O390" s="8"/>
      <c r="P390" s="8"/>
      <c r="Q390" s="8"/>
      <c r="R390" s="8"/>
      <c r="S390" s="8"/>
      <c r="T390" s="8"/>
      <c r="U390" s="8"/>
      <c r="V390" s="8"/>
    </row>
    <row r="391" spans="1:22" s="77" customFormat="1" ht="34.5" customHeight="1" x14ac:dyDescent="0.15">
      <c r="A391" s="195" t="s">
        <v>203</v>
      </c>
      <c r="B391" s="164"/>
      <c r="C391" s="261" t="s">
        <v>172</v>
      </c>
      <c r="D391" s="262"/>
      <c r="E391" s="262"/>
      <c r="F391" s="262"/>
      <c r="G391" s="262"/>
      <c r="H391" s="263"/>
      <c r="I391" s="101" t="s">
        <v>173</v>
      </c>
      <c r="J391" s="96">
        <f>IF(SUM(L391:M391)=0,IF(COUNTIF(L391:M391,"未確認")&gt;0,"未確認",IF(COUNTIF(L391:M391,"~*")&gt;0,"*",SUM(L391:M391))),SUM(L391:M391))</f>
        <v>0</v>
      </c>
      <c r="K391" s="163" t="str">
        <f>IF(OR(COUNTIF(L391:M391,"未確認")&gt;0,COUNTIF(L391:M391,"*")&gt;0),"※","")</f>
        <v/>
      </c>
      <c r="L391" s="97">
        <v>0</v>
      </c>
      <c r="M391" s="97">
        <v>0</v>
      </c>
    </row>
    <row r="392" spans="1:22" customFormat="1" ht="34.5" customHeight="1" x14ac:dyDescent="0.15"/>
    <row r="393" spans="1:22" s="77" customFormat="1" x14ac:dyDescent="0.15">
      <c r="A393" s="188"/>
      <c r="B393" s="14"/>
      <c r="C393" s="14"/>
      <c r="D393" s="14"/>
      <c r="E393" s="14"/>
      <c r="F393" s="14"/>
      <c r="G393" s="14"/>
      <c r="H393" s="10"/>
      <c r="I393" s="10"/>
      <c r="J393" s="74"/>
      <c r="K393" s="75"/>
      <c r="L393" s="76"/>
      <c r="M393" s="76"/>
    </row>
    <row r="394" spans="1:22" s="95" customFormat="1" x14ac:dyDescent="0.15">
      <c r="A394" s="188"/>
      <c r="B394" s="14" t="s">
        <v>174</v>
      </c>
      <c r="C394" s="14"/>
      <c r="D394" s="14"/>
      <c r="E394" s="14"/>
      <c r="F394" s="14"/>
      <c r="G394" s="14"/>
      <c r="H394" s="10"/>
      <c r="I394" s="10"/>
      <c r="J394" s="51"/>
      <c r="K394" s="24"/>
      <c r="L394" s="89"/>
      <c r="M394" s="89"/>
    </row>
    <row r="395" spans="1:22" x14ac:dyDescent="0.15">
      <c r="A395" s="188"/>
      <c r="B395" s="14"/>
      <c r="C395" s="14"/>
      <c r="D395" s="14"/>
      <c r="E395" s="14"/>
      <c r="F395" s="14"/>
      <c r="G395" s="14"/>
      <c r="H395" s="10"/>
      <c r="I395" s="10"/>
      <c r="L395" s="64"/>
      <c r="M395" s="64"/>
      <c r="N395" s="8"/>
      <c r="O395" s="8"/>
      <c r="P395" s="8"/>
      <c r="Q395" s="8"/>
      <c r="R395" s="8"/>
      <c r="S395" s="8"/>
      <c r="T395" s="8"/>
      <c r="U395" s="8"/>
      <c r="V395" s="8"/>
    </row>
    <row r="396" spans="1:22" s="1" customFormat="1" ht="34.5" customHeight="1" x14ac:dyDescent="0.15">
      <c r="A396" s="188"/>
      <c r="B396" s="14"/>
      <c r="C396" s="3"/>
      <c r="D396" s="3"/>
      <c r="E396" s="3"/>
      <c r="F396" s="3"/>
      <c r="G396" s="3"/>
      <c r="H396" s="228"/>
      <c r="I396" s="228"/>
      <c r="J396" s="65" t="s">
        <v>27</v>
      </c>
      <c r="K396" s="148"/>
      <c r="L396" s="56" t="s">
        <v>431</v>
      </c>
      <c r="M396" s="56" t="s">
        <v>434</v>
      </c>
    </row>
    <row r="397" spans="1:22" s="1" customFormat="1" ht="20.25" customHeight="1" x14ac:dyDescent="0.15">
      <c r="A397" s="188"/>
      <c r="C397" s="52"/>
      <c r="D397" s="3"/>
      <c r="E397" s="3"/>
      <c r="F397" s="3"/>
      <c r="G397" s="3"/>
      <c r="H397" s="228"/>
      <c r="I397" s="57" t="s">
        <v>28</v>
      </c>
      <c r="J397" s="58"/>
      <c r="K397" s="149"/>
      <c r="L397" s="60" t="s">
        <v>432</v>
      </c>
      <c r="M397" s="60" t="s">
        <v>432</v>
      </c>
    </row>
    <row r="398" spans="1:22" s="95" customFormat="1" ht="113.65" customHeight="1" x14ac:dyDescent="0.15">
      <c r="A398" s="195" t="s">
        <v>205</v>
      </c>
      <c r="B398" s="99"/>
      <c r="C398" s="299" t="s">
        <v>204</v>
      </c>
      <c r="D398" s="300"/>
      <c r="E398" s="300"/>
      <c r="F398" s="300"/>
      <c r="G398" s="300"/>
      <c r="H398" s="301"/>
      <c r="I398" s="237" t="s">
        <v>395</v>
      </c>
      <c r="J398" s="175"/>
      <c r="K398" s="187"/>
      <c r="L398" s="169" t="s">
        <v>430</v>
      </c>
      <c r="M398" s="169" t="s">
        <v>430</v>
      </c>
    </row>
    <row r="399" spans="1:22" s="77" customFormat="1" ht="65.099999999999994" customHeight="1" x14ac:dyDescent="0.15">
      <c r="A399" s="188"/>
      <c r="B399" s="99"/>
      <c r="C399" s="302" t="s">
        <v>396</v>
      </c>
      <c r="D399" s="303"/>
      <c r="E399" s="303"/>
      <c r="F399" s="303"/>
      <c r="G399" s="303"/>
      <c r="H399" s="304"/>
      <c r="I399" s="287" t="s">
        <v>175</v>
      </c>
      <c r="J399" s="165"/>
      <c r="K399" s="166"/>
      <c r="L399" s="103"/>
      <c r="M399" s="107"/>
    </row>
    <row r="400" spans="1:22" s="77" customFormat="1" ht="34.5" customHeight="1" x14ac:dyDescent="0.15">
      <c r="A400" s="195" t="s">
        <v>206</v>
      </c>
      <c r="B400" s="99"/>
      <c r="C400" s="167"/>
      <c r="D400" s="361" t="s">
        <v>397</v>
      </c>
      <c r="E400" s="362"/>
      <c r="F400" s="362"/>
      <c r="G400" s="362"/>
      <c r="H400" s="363"/>
      <c r="I400" s="329"/>
      <c r="J400" s="165"/>
      <c r="K400" s="168"/>
      <c r="L400" s="169">
        <v>0</v>
      </c>
      <c r="M400" s="169">
        <v>0</v>
      </c>
    </row>
    <row r="401" spans="1:13" s="77" customFormat="1" ht="34.5" customHeight="1" x14ac:dyDescent="0.15">
      <c r="A401" s="195" t="s">
        <v>207</v>
      </c>
      <c r="B401" s="99"/>
      <c r="C401" s="167"/>
      <c r="D401" s="361" t="s">
        <v>398</v>
      </c>
      <c r="E401" s="362"/>
      <c r="F401" s="362"/>
      <c r="G401" s="362"/>
      <c r="H401" s="363"/>
      <c r="I401" s="329"/>
      <c r="J401" s="165"/>
      <c r="K401" s="168"/>
      <c r="L401" s="169">
        <v>0</v>
      </c>
      <c r="M401" s="169">
        <v>0</v>
      </c>
    </row>
    <row r="402" spans="1:13" s="77" customFormat="1" ht="34.5" customHeight="1" x14ac:dyDescent="0.15">
      <c r="A402" s="195" t="s">
        <v>208</v>
      </c>
      <c r="B402" s="99"/>
      <c r="C402" s="167"/>
      <c r="D402" s="361" t="s">
        <v>399</v>
      </c>
      <c r="E402" s="362"/>
      <c r="F402" s="362"/>
      <c r="G402" s="362"/>
      <c r="H402" s="363"/>
      <c r="I402" s="329"/>
      <c r="J402" s="165"/>
      <c r="K402" s="168"/>
      <c r="L402" s="169">
        <v>0</v>
      </c>
      <c r="M402" s="169">
        <v>0</v>
      </c>
    </row>
    <row r="403" spans="1:13" s="77" customFormat="1" ht="34.5" customHeight="1" x14ac:dyDescent="0.15">
      <c r="A403" s="195" t="s">
        <v>209</v>
      </c>
      <c r="B403" s="99"/>
      <c r="C403" s="167"/>
      <c r="D403" s="361" t="s">
        <v>400</v>
      </c>
      <c r="E403" s="362"/>
      <c r="F403" s="362"/>
      <c r="G403" s="362"/>
      <c r="H403" s="363"/>
      <c r="I403" s="329"/>
      <c r="J403" s="165"/>
      <c r="K403" s="168"/>
      <c r="L403" s="169">
        <v>0</v>
      </c>
      <c r="M403" s="169">
        <v>0</v>
      </c>
    </row>
    <row r="404" spans="1:13" s="77" customFormat="1" ht="34.5" customHeight="1" x14ac:dyDescent="0.15">
      <c r="A404" s="195" t="s">
        <v>210</v>
      </c>
      <c r="B404" s="99"/>
      <c r="C404" s="167"/>
      <c r="D404" s="361" t="s">
        <v>401</v>
      </c>
      <c r="E404" s="362"/>
      <c r="F404" s="362"/>
      <c r="G404" s="362"/>
      <c r="H404" s="363"/>
      <c r="I404" s="329"/>
      <c r="J404" s="165"/>
      <c r="K404" s="168"/>
      <c r="L404" s="169">
        <v>0</v>
      </c>
      <c r="M404" s="169">
        <v>0</v>
      </c>
    </row>
    <row r="405" spans="1:13" s="77" customFormat="1" ht="34.5" customHeight="1" x14ac:dyDescent="0.15">
      <c r="A405" s="195" t="s">
        <v>211</v>
      </c>
      <c r="B405" s="99"/>
      <c r="C405" s="221"/>
      <c r="D405" s="361" t="s">
        <v>402</v>
      </c>
      <c r="E405" s="362"/>
      <c r="F405" s="362"/>
      <c r="G405" s="362"/>
      <c r="H405" s="363"/>
      <c r="I405" s="329"/>
      <c r="J405" s="165"/>
      <c r="K405" s="168"/>
      <c r="L405" s="169">
        <v>0</v>
      </c>
      <c r="M405" s="169">
        <v>0</v>
      </c>
    </row>
    <row r="406" spans="1:13" s="77" customFormat="1" ht="34.5" customHeight="1" x14ac:dyDescent="0.15">
      <c r="A406" s="195" t="s">
        <v>212</v>
      </c>
      <c r="B406" s="99"/>
      <c r="C406" s="226"/>
      <c r="D406" s="361" t="s">
        <v>403</v>
      </c>
      <c r="E406" s="362"/>
      <c r="F406" s="362"/>
      <c r="G406" s="362"/>
      <c r="H406" s="363"/>
      <c r="I406" s="329"/>
      <c r="J406" s="171"/>
      <c r="K406" s="172"/>
      <c r="L406" s="169">
        <v>0</v>
      </c>
      <c r="M406" s="169">
        <v>0</v>
      </c>
    </row>
    <row r="407" spans="1:13" s="77" customFormat="1" ht="42.75" customHeight="1" x14ac:dyDescent="0.15">
      <c r="A407" s="188"/>
      <c r="B407" s="99"/>
      <c r="C407" s="302" t="s">
        <v>404</v>
      </c>
      <c r="D407" s="303"/>
      <c r="E407" s="303"/>
      <c r="F407" s="303"/>
      <c r="G407" s="303"/>
      <c r="H407" s="304"/>
      <c r="I407" s="329"/>
      <c r="J407" s="165"/>
      <c r="K407" s="166"/>
      <c r="L407" s="103"/>
      <c r="M407" s="107"/>
    </row>
    <row r="408" spans="1:13" s="77" customFormat="1" ht="34.5" customHeight="1" x14ac:dyDescent="0.15">
      <c r="A408" s="195" t="s">
        <v>213</v>
      </c>
      <c r="B408" s="99"/>
      <c r="C408" s="167"/>
      <c r="D408" s="361" t="s">
        <v>397</v>
      </c>
      <c r="E408" s="362"/>
      <c r="F408" s="362"/>
      <c r="G408" s="362"/>
      <c r="H408" s="363"/>
      <c r="I408" s="329"/>
      <c r="J408" s="165"/>
      <c r="K408" s="168"/>
      <c r="L408" s="169">
        <v>0</v>
      </c>
      <c r="M408" s="169">
        <v>0</v>
      </c>
    </row>
    <row r="409" spans="1:13" s="77" customFormat="1" ht="34.5" customHeight="1" x14ac:dyDescent="0.15">
      <c r="A409" s="195" t="s">
        <v>214</v>
      </c>
      <c r="B409" s="99"/>
      <c r="C409" s="167"/>
      <c r="D409" s="361" t="s">
        <v>398</v>
      </c>
      <c r="E409" s="362"/>
      <c r="F409" s="362"/>
      <c r="G409" s="362"/>
      <c r="H409" s="363"/>
      <c r="I409" s="329"/>
      <c r="J409" s="165"/>
      <c r="K409" s="168"/>
      <c r="L409" s="169">
        <v>0</v>
      </c>
      <c r="M409" s="169">
        <v>0</v>
      </c>
    </row>
    <row r="410" spans="1:13" s="77" customFormat="1" ht="34.5" customHeight="1" x14ac:dyDescent="0.15">
      <c r="A410" s="195" t="s">
        <v>215</v>
      </c>
      <c r="B410" s="99"/>
      <c r="C410" s="167"/>
      <c r="D410" s="361" t="s">
        <v>399</v>
      </c>
      <c r="E410" s="362"/>
      <c r="F410" s="362"/>
      <c r="G410" s="362"/>
      <c r="H410" s="363"/>
      <c r="I410" s="329"/>
      <c r="J410" s="165"/>
      <c r="K410" s="168"/>
      <c r="L410" s="169">
        <v>0</v>
      </c>
      <c r="M410" s="169">
        <v>0</v>
      </c>
    </row>
    <row r="411" spans="1:13" s="77" customFormat="1" ht="34.5" customHeight="1" x14ac:dyDescent="0.15">
      <c r="A411" s="195" t="s">
        <v>216</v>
      </c>
      <c r="B411" s="99"/>
      <c r="C411" s="167"/>
      <c r="D411" s="361" t="s">
        <v>400</v>
      </c>
      <c r="E411" s="362"/>
      <c r="F411" s="362"/>
      <c r="G411" s="362"/>
      <c r="H411" s="363"/>
      <c r="I411" s="329"/>
      <c r="J411" s="165"/>
      <c r="K411" s="168"/>
      <c r="L411" s="169">
        <v>0</v>
      </c>
      <c r="M411" s="169">
        <v>0</v>
      </c>
    </row>
    <row r="412" spans="1:13" s="77" customFormat="1" ht="34.5" customHeight="1" x14ac:dyDescent="0.15">
      <c r="A412" s="195" t="s">
        <v>217</v>
      </c>
      <c r="B412" s="99"/>
      <c r="C412" s="167"/>
      <c r="D412" s="361" t="s">
        <v>401</v>
      </c>
      <c r="E412" s="362"/>
      <c r="F412" s="362"/>
      <c r="G412" s="362"/>
      <c r="H412" s="363"/>
      <c r="I412" s="329"/>
      <c r="J412" s="165"/>
      <c r="K412" s="168"/>
      <c r="L412" s="169">
        <v>0</v>
      </c>
      <c r="M412" s="169">
        <v>0</v>
      </c>
    </row>
    <row r="413" spans="1:13" s="77" customFormat="1" ht="34.5" customHeight="1" x14ac:dyDescent="0.15">
      <c r="A413" s="195" t="s">
        <v>218</v>
      </c>
      <c r="B413" s="99"/>
      <c r="C413" s="167"/>
      <c r="D413" s="361" t="s">
        <v>402</v>
      </c>
      <c r="E413" s="362"/>
      <c r="F413" s="362"/>
      <c r="G413" s="362"/>
      <c r="H413" s="363"/>
      <c r="I413" s="329"/>
      <c r="J413" s="165"/>
      <c r="K413" s="168"/>
      <c r="L413" s="169">
        <v>0</v>
      </c>
      <c r="M413" s="169">
        <v>0</v>
      </c>
    </row>
    <row r="414" spans="1:13" s="77" customFormat="1" ht="34.5" customHeight="1" x14ac:dyDescent="0.15">
      <c r="A414" s="195" t="s">
        <v>219</v>
      </c>
      <c r="B414" s="99"/>
      <c r="C414" s="170"/>
      <c r="D414" s="361" t="s">
        <v>403</v>
      </c>
      <c r="E414" s="362"/>
      <c r="F414" s="362"/>
      <c r="G414" s="362"/>
      <c r="H414" s="363"/>
      <c r="I414" s="329"/>
      <c r="J414" s="171"/>
      <c r="K414" s="172"/>
      <c r="L414" s="169">
        <v>0</v>
      </c>
      <c r="M414" s="169">
        <v>0</v>
      </c>
    </row>
    <row r="415" spans="1:13" s="77" customFormat="1" ht="42.75" customHeight="1" x14ac:dyDescent="0.15">
      <c r="A415" s="188"/>
      <c r="B415" s="99"/>
      <c r="C415" s="302" t="s">
        <v>176</v>
      </c>
      <c r="D415" s="303"/>
      <c r="E415" s="303"/>
      <c r="F415" s="303"/>
      <c r="G415" s="303"/>
      <c r="H415" s="304"/>
      <c r="I415" s="329"/>
      <c r="J415" s="173"/>
      <c r="K415" s="166"/>
      <c r="L415" s="103"/>
      <c r="M415" s="107"/>
    </row>
    <row r="416" spans="1:13" s="77" customFormat="1" ht="34.5" customHeight="1" x14ac:dyDescent="0.15">
      <c r="A416" s="195" t="s">
        <v>220</v>
      </c>
      <c r="B416" s="99"/>
      <c r="C416" s="167"/>
      <c r="D416" s="361" t="s">
        <v>397</v>
      </c>
      <c r="E416" s="362"/>
      <c r="F416" s="362"/>
      <c r="G416" s="362"/>
      <c r="H416" s="363"/>
      <c r="I416" s="329"/>
      <c r="J416" s="165"/>
      <c r="K416" s="168"/>
      <c r="L416" s="169">
        <v>0</v>
      </c>
      <c r="M416" s="169">
        <v>0</v>
      </c>
    </row>
    <row r="417" spans="1:22" s="77" customFormat="1" ht="34.5" customHeight="1" x14ac:dyDescent="0.15">
      <c r="A417" s="195" t="s">
        <v>221</v>
      </c>
      <c r="B417" s="99"/>
      <c r="C417" s="167"/>
      <c r="D417" s="361" t="s">
        <v>398</v>
      </c>
      <c r="E417" s="362"/>
      <c r="F417" s="362"/>
      <c r="G417" s="362"/>
      <c r="H417" s="363"/>
      <c r="I417" s="329"/>
      <c r="J417" s="165"/>
      <c r="K417" s="168"/>
      <c r="L417" s="169">
        <v>0</v>
      </c>
      <c r="M417" s="169">
        <v>0</v>
      </c>
    </row>
    <row r="418" spans="1:22" s="77" customFormat="1" ht="34.5" customHeight="1" x14ac:dyDescent="0.15">
      <c r="A418" s="195" t="s">
        <v>222</v>
      </c>
      <c r="B418" s="99"/>
      <c r="C418" s="167"/>
      <c r="D418" s="361" t="s">
        <v>399</v>
      </c>
      <c r="E418" s="362"/>
      <c r="F418" s="362"/>
      <c r="G418" s="362"/>
      <c r="H418" s="363"/>
      <c r="I418" s="329"/>
      <c r="J418" s="165"/>
      <c r="K418" s="168"/>
      <c r="L418" s="169">
        <v>0</v>
      </c>
      <c r="M418" s="169">
        <v>0</v>
      </c>
    </row>
    <row r="419" spans="1:22" s="77" customFormat="1" ht="34.5" customHeight="1" x14ac:dyDescent="0.15">
      <c r="A419" s="195" t="s">
        <v>223</v>
      </c>
      <c r="B419" s="99"/>
      <c r="C419" s="167"/>
      <c r="D419" s="361" t="s">
        <v>400</v>
      </c>
      <c r="E419" s="362"/>
      <c r="F419" s="362"/>
      <c r="G419" s="362"/>
      <c r="H419" s="363"/>
      <c r="I419" s="329"/>
      <c r="J419" s="165"/>
      <c r="K419" s="168"/>
      <c r="L419" s="169">
        <v>0</v>
      </c>
      <c r="M419" s="169">
        <v>0</v>
      </c>
    </row>
    <row r="420" spans="1:22" s="77" customFormat="1" ht="34.5" customHeight="1" x14ac:dyDescent="0.15">
      <c r="A420" s="195" t="s">
        <v>224</v>
      </c>
      <c r="B420" s="99"/>
      <c r="C420" s="167"/>
      <c r="D420" s="361" t="s">
        <v>401</v>
      </c>
      <c r="E420" s="362"/>
      <c r="F420" s="362"/>
      <c r="G420" s="362"/>
      <c r="H420" s="363"/>
      <c r="I420" s="329"/>
      <c r="J420" s="165"/>
      <c r="K420" s="168"/>
      <c r="L420" s="169">
        <v>0</v>
      </c>
      <c r="M420" s="169">
        <v>0</v>
      </c>
    </row>
    <row r="421" spans="1:22" s="77" customFormat="1" ht="34.5" customHeight="1" x14ac:dyDescent="0.15">
      <c r="A421" s="195" t="s">
        <v>225</v>
      </c>
      <c r="B421" s="99"/>
      <c r="C421" s="167"/>
      <c r="D421" s="361" t="s">
        <v>402</v>
      </c>
      <c r="E421" s="362"/>
      <c r="F421" s="362"/>
      <c r="G421" s="362"/>
      <c r="H421" s="363"/>
      <c r="I421" s="329"/>
      <c r="J421" s="165"/>
      <c r="K421" s="168"/>
      <c r="L421" s="169">
        <v>0</v>
      </c>
      <c r="M421" s="169">
        <v>0</v>
      </c>
    </row>
    <row r="422" spans="1:22" s="77" customFormat="1" ht="34.5" customHeight="1" x14ac:dyDescent="0.15">
      <c r="A422" s="195" t="s">
        <v>226</v>
      </c>
      <c r="B422" s="99"/>
      <c r="C422" s="170"/>
      <c r="D422" s="361" t="s">
        <v>403</v>
      </c>
      <c r="E422" s="362"/>
      <c r="F422" s="362"/>
      <c r="G422" s="362"/>
      <c r="H422" s="363"/>
      <c r="I422" s="320"/>
      <c r="J422" s="171"/>
      <c r="K422" s="172"/>
      <c r="L422" s="169">
        <v>0</v>
      </c>
      <c r="M422" s="169">
        <v>0</v>
      </c>
    </row>
    <row r="423" spans="1:22" s="77" customFormat="1" x14ac:dyDescent="0.15">
      <c r="A423" s="188"/>
      <c r="B423" s="14"/>
      <c r="C423" s="14"/>
      <c r="D423" s="14"/>
      <c r="E423" s="14"/>
      <c r="F423" s="14"/>
      <c r="G423" s="14"/>
      <c r="H423" s="10"/>
      <c r="I423" s="10"/>
      <c r="J423" s="74"/>
      <c r="K423" s="75"/>
      <c r="L423" s="76"/>
      <c r="M423" s="76"/>
    </row>
    <row r="424" spans="1:22" s="70" customFormat="1" x14ac:dyDescent="0.15">
      <c r="A424" s="188"/>
      <c r="B424" s="71"/>
      <c r="C424" s="52"/>
      <c r="D424" s="52"/>
      <c r="E424" s="52"/>
      <c r="F424" s="52"/>
      <c r="G424" s="52"/>
      <c r="H424" s="78"/>
      <c r="I424" s="78"/>
      <c r="J424" s="74"/>
      <c r="K424" s="75"/>
      <c r="L424" s="76"/>
      <c r="M424" s="76"/>
    </row>
    <row r="425" spans="1:22" s="77" customFormat="1" x14ac:dyDescent="0.15">
      <c r="A425" s="188"/>
      <c r="B425" s="99"/>
      <c r="C425" s="3"/>
      <c r="D425" s="3"/>
      <c r="E425" s="3"/>
      <c r="F425" s="3"/>
      <c r="G425" s="3"/>
      <c r="H425" s="228"/>
      <c r="I425" s="228"/>
      <c r="J425" s="51"/>
      <c r="K425" s="24"/>
      <c r="L425" s="89"/>
      <c r="M425" s="89"/>
    </row>
    <row r="426" spans="1:22" s="77" customFormat="1" x14ac:dyDescent="0.15">
      <c r="A426" s="188"/>
      <c r="B426" s="14" t="s">
        <v>177</v>
      </c>
      <c r="C426" s="14"/>
      <c r="D426" s="14"/>
      <c r="E426" s="14"/>
      <c r="F426" s="14"/>
      <c r="G426" s="14"/>
      <c r="H426" s="10"/>
      <c r="I426" s="10"/>
      <c r="J426" s="51"/>
      <c r="K426" s="24"/>
      <c r="L426" s="89"/>
      <c r="M426" s="89"/>
    </row>
    <row r="427" spans="1:22" x14ac:dyDescent="0.15">
      <c r="A427" s="188"/>
      <c r="B427" s="14"/>
      <c r="C427" s="14"/>
      <c r="D427" s="14"/>
      <c r="E427" s="14"/>
      <c r="F427" s="14"/>
      <c r="G427" s="14"/>
      <c r="H427" s="10"/>
      <c r="I427" s="10"/>
      <c r="L427" s="64"/>
      <c r="M427" s="64"/>
      <c r="N427" s="8"/>
      <c r="O427" s="8"/>
      <c r="P427" s="8"/>
      <c r="Q427" s="8"/>
      <c r="R427" s="8"/>
      <c r="S427" s="8"/>
      <c r="T427" s="8"/>
      <c r="U427" s="8"/>
      <c r="V427" s="8"/>
    </row>
    <row r="428" spans="1:22" s="1" customFormat="1" ht="34.5" customHeight="1" x14ac:dyDescent="0.15">
      <c r="A428" s="188"/>
      <c r="B428" s="14"/>
      <c r="C428" s="3"/>
      <c r="D428" s="3"/>
      <c r="E428" s="3"/>
      <c r="F428" s="3"/>
      <c r="G428" s="3"/>
      <c r="H428" s="228"/>
      <c r="I428" s="228"/>
      <c r="J428" s="65" t="s">
        <v>27</v>
      </c>
      <c r="K428" s="148"/>
      <c r="L428" s="56" t="s">
        <v>431</v>
      </c>
      <c r="M428" s="56" t="s">
        <v>434</v>
      </c>
    </row>
    <row r="429" spans="1:22" s="1" customFormat="1" ht="19.899999999999999" customHeight="1" x14ac:dyDescent="0.15">
      <c r="A429" s="188"/>
      <c r="C429" s="52"/>
      <c r="D429" s="3"/>
      <c r="E429" s="3"/>
      <c r="F429" s="3"/>
      <c r="G429" s="3"/>
      <c r="H429" s="228"/>
      <c r="I429" s="57" t="s">
        <v>28</v>
      </c>
      <c r="J429" s="58"/>
      <c r="K429" s="149"/>
      <c r="L429" s="60" t="s">
        <v>432</v>
      </c>
      <c r="M429" s="60" t="s">
        <v>432</v>
      </c>
    </row>
    <row r="430" spans="1:22" s="95" customFormat="1" ht="35.1" customHeight="1" x14ac:dyDescent="0.15">
      <c r="A430" s="195" t="s">
        <v>227</v>
      </c>
      <c r="B430" s="71"/>
      <c r="C430" s="302" t="s">
        <v>248</v>
      </c>
      <c r="D430" s="303"/>
      <c r="E430" s="303"/>
      <c r="F430" s="303"/>
      <c r="G430" s="303"/>
      <c r="H430" s="304"/>
      <c r="I430" s="321" t="s">
        <v>178</v>
      </c>
      <c r="J430" s="114">
        <v>0</v>
      </c>
      <c r="K430" s="163" t="str">
        <f>IF(OR(COUNTIF(L430:M430,"未確認")&gt;0,COUNTIF(L430:M430,"~*")&gt;0),"※","")</f>
        <v/>
      </c>
      <c r="L430" s="174"/>
      <c r="M430" s="174"/>
    </row>
    <row r="431" spans="1:22" s="95" customFormat="1" ht="35.1" customHeight="1" x14ac:dyDescent="0.15">
      <c r="A431" s="195" t="s">
        <v>228</v>
      </c>
      <c r="B431" s="71"/>
      <c r="C431" s="233"/>
      <c r="D431" s="234"/>
      <c r="E431" s="299" t="s">
        <v>179</v>
      </c>
      <c r="F431" s="300"/>
      <c r="G431" s="300"/>
      <c r="H431" s="301"/>
      <c r="I431" s="289"/>
      <c r="J431" s="114">
        <v>0</v>
      </c>
      <c r="K431" s="163" t="str">
        <f>IF(OR(COUNTIF(L431:M431,"未確認")&gt;0,COUNTIF(L431:M431,"~*")&gt;0),"※","")</f>
        <v/>
      </c>
      <c r="L431" s="174"/>
      <c r="M431" s="174"/>
    </row>
    <row r="432" spans="1:22" s="95" customFormat="1" ht="35.1" customHeight="1" x14ac:dyDescent="0.15">
      <c r="A432" s="195" t="s">
        <v>229</v>
      </c>
      <c r="B432" s="71"/>
      <c r="C432" s="302" t="s">
        <v>249</v>
      </c>
      <c r="D432" s="303"/>
      <c r="E432" s="303"/>
      <c r="F432" s="303"/>
      <c r="G432" s="303"/>
      <c r="H432" s="304"/>
      <c r="I432" s="287" t="s">
        <v>180</v>
      </c>
      <c r="J432" s="114">
        <v>0</v>
      </c>
      <c r="K432" s="163" t="str">
        <f>IF(OR(COUNTIF(L432:M432,"未確認")&gt;0,COUNTIF(L432:M432,"~*")&gt;0),"※","")</f>
        <v/>
      </c>
      <c r="L432" s="174"/>
      <c r="M432" s="174"/>
    </row>
    <row r="433" spans="1:22" s="95" customFormat="1" ht="35.1" customHeight="1" x14ac:dyDescent="0.15">
      <c r="A433" s="195" t="s">
        <v>230</v>
      </c>
      <c r="B433" s="71"/>
      <c r="C433" s="233"/>
      <c r="D433" s="234"/>
      <c r="E433" s="299" t="s">
        <v>179</v>
      </c>
      <c r="F433" s="300"/>
      <c r="G433" s="300"/>
      <c r="H433" s="301"/>
      <c r="I433" s="357"/>
      <c r="J433" s="114">
        <v>0</v>
      </c>
      <c r="K433" s="163" t="str">
        <f>IF(OR(COUNTIF(L433:M433,"未確認")&gt;0,COUNTIF(L433:M433,"~*")&gt;0),"※","")</f>
        <v/>
      </c>
      <c r="L433" s="174"/>
      <c r="M433" s="174"/>
    </row>
    <row r="434" spans="1:22" s="95" customFormat="1" ht="42" customHeight="1" x14ac:dyDescent="0.15">
      <c r="A434" s="195" t="s">
        <v>231</v>
      </c>
      <c r="B434" s="71"/>
      <c r="C434" s="299" t="s">
        <v>250</v>
      </c>
      <c r="D434" s="300"/>
      <c r="E434" s="300"/>
      <c r="F434" s="300"/>
      <c r="G434" s="300"/>
      <c r="H434" s="301"/>
      <c r="I434" s="101" t="s">
        <v>181</v>
      </c>
      <c r="J434" s="96">
        <v>0</v>
      </c>
      <c r="K434" s="163" t="str">
        <f>IF(OR(COUNTIF(L434:M434,"未確認")&gt;0,COUNTIF(L434:M434,"~*")&gt;0),"※","")</f>
        <v/>
      </c>
      <c r="L434" s="174"/>
      <c r="M434" s="174"/>
    </row>
    <row r="435" spans="1:22" s="77" customFormat="1" x14ac:dyDescent="0.15">
      <c r="A435" s="188"/>
      <c r="B435" s="14"/>
      <c r="C435" s="14"/>
      <c r="D435" s="14"/>
      <c r="E435" s="14"/>
      <c r="F435" s="14"/>
      <c r="G435" s="14"/>
      <c r="H435" s="10"/>
      <c r="I435" s="10"/>
      <c r="J435" s="74"/>
      <c r="K435" s="75"/>
      <c r="L435" s="76"/>
      <c r="M435" s="76"/>
    </row>
    <row r="436" spans="1:22" s="70" customFormat="1" x14ac:dyDescent="0.15">
      <c r="A436" s="188"/>
      <c r="B436" s="71"/>
      <c r="C436" s="52"/>
      <c r="D436" s="52"/>
      <c r="E436" s="52"/>
      <c r="F436" s="52"/>
      <c r="G436" s="52"/>
      <c r="H436" s="78"/>
      <c r="I436" s="78"/>
      <c r="J436" s="74"/>
      <c r="K436" s="75"/>
      <c r="L436" s="76"/>
      <c r="M436" s="76"/>
    </row>
    <row r="437" spans="1:22" s="77" customFormat="1" x14ac:dyDescent="0.15">
      <c r="A437" s="188"/>
      <c r="B437" s="71"/>
      <c r="C437" s="3"/>
      <c r="D437" s="3"/>
      <c r="E437" s="109"/>
      <c r="F437" s="109"/>
      <c r="G437" s="109"/>
      <c r="H437" s="110"/>
      <c r="I437" s="110"/>
      <c r="J437" s="74"/>
      <c r="K437" s="75"/>
      <c r="L437" s="76"/>
      <c r="M437" s="76"/>
    </row>
    <row r="438" spans="1:22" s="95" customFormat="1" x14ac:dyDescent="0.15">
      <c r="A438" s="188"/>
      <c r="B438" s="14" t="s">
        <v>182</v>
      </c>
      <c r="C438" s="3"/>
      <c r="D438" s="3"/>
      <c r="E438" s="3"/>
      <c r="F438" s="3"/>
      <c r="G438" s="3"/>
      <c r="H438" s="228"/>
      <c r="I438" s="228"/>
      <c r="J438" s="51"/>
      <c r="K438" s="24"/>
      <c r="L438" s="89"/>
      <c r="M438" s="89"/>
    </row>
    <row r="439" spans="1:22" x14ac:dyDescent="0.15">
      <c r="A439" s="188"/>
      <c r="B439" s="14"/>
      <c r="C439" s="14"/>
      <c r="D439" s="14"/>
      <c r="E439" s="14"/>
      <c r="F439" s="14"/>
      <c r="G439" s="14"/>
      <c r="H439" s="10"/>
      <c r="I439" s="10"/>
      <c r="L439" s="64"/>
      <c r="M439" s="64"/>
      <c r="N439" s="8"/>
      <c r="O439" s="8"/>
      <c r="P439" s="8"/>
      <c r="Q439" s="8"/>
      <c r="R439" s="8"/>
      <c r="S439" s="8"/>
      <c r="T439" s="8"/>
      <c r="U439" s="8"/>
      <c r="V439" s="8"/>
    </row>
    <row r="440" spans="1:22" ht="34.5" customHeight="1" x14ac:dyDescent="0.15">
      <c r="A440" s="188"/>
      <c r="B440" s="14"/>
      <c r="C440" s="3"/>
      <c r="D440" s="3"/>
      <c r="F440" s="3"/>
      <c r="G440" s="3"/>
      <c r="H440" s="228"/>
      <c r="I440" s="228"/>
      <c r="J440" s="65" t="s">
        <v>27</v>
      </c>
      <c r="K440" s="148"/>
      <c r="L440" s="56" t="s">
        <v>431</v>
      </c>
      <c r="M440" s="56" t="s">
        <v>434</v>
      </c>
      <c r="N440" s="8"/>
      <c r="O440" s="8"/>
      <c r="P440" s="8"/>
      <c r="Q440" s="8"/>
      <c r="R440" s="8"/>
      <c r="S440" s="8"/>
      <c r="T440" s="8"/>
      <c r="U440" s="8"/>
      <c r="V440" s="8"/>
    </row>
    <row r="441" spans="1:22" ht="20.25" customHeight="1" x14ac:dyDescent="0.15">
      <c r="A441" s="188"/>
      <c r="B441" s="1"/>
      <c r="C441" s="52"/>
      <c r="D441" s="3"/>
      <c r="F441" s="3"/>
      <c r="G441" s="3"/>
      <c r="H441" s="228"/>
      <c r="I441" s="57" t="s">
        <v>28</v>
      </c>
      <c r="J441" s="58"/>
      <c r="K441" s="149"/>
      <c r="L441" s="60" t="s">
        <v>432</v>
      </c>
      <c r="M441" s="60" t="s">
        <v>432</v>
      </c>
      <c r="N441" s="8"/>
      <c r="O441" s="8"/>
      <c r="P441" s="8"/>
      <c r="Q441" s="8"/>
      <c r="R441" s="8"/>
      <c r="S441" s="8"/>
      <c r="T441" s="8"/>
      <c r="U441" s="8"/>
      <c r="V441" s="8"/>
    </row>
    <row r="442" spans="1:22" s="70" customFormat="1" ht="56.1" customHeight="1" x14ac:dyDescent="0.15">
      <c r="A442" s="195" t="s">
        <v>232</v>
      </c>
      <c r="B442" s="71"/>
      <c r="C442" s="299" t="s">
        <v>405</v>
      </c>
      <c r="D442" s="300"/>
      <c r="E442" s="300"/>
      <c r="F442" s="300"/>
      <c r="G442" s="300"/>
      <c r="H442" s="301"/>
      <c r="I442" s="112" t="s">
        <v>183</v>
      </c>
      <c r="J442" s="175"/>
      <c r="K442" s="176"/>
      <c r="L442" s="83" t="s">
        <v>188</v>
      </c>
      <c r="M442" s="83" t="s">
        <v>188</v>
      </c>
    </row>
    <row r="443" spans="1:22" s="70" customFormat="1" ht="56.1" customHeight="1" x14ac:dyDescent="0.15">
      <c r="A443" s="195" t="s">
        <v>233</v>
      </c>
      <c r="B443" s="71"/>
      <c r="C443" s="299" t="s">
        <v>184</v>
      </c>
      <c r="D443" s="300"/>
      <c r="E443" s="300"/>
      <c r="F443" s="300"/>
      <c r="G443" s="300"/>
      <c r="H443" s="301"/>
      <c r="I443" s="112" t="s">
        <v>185</v>
      </c>
      <c r="J443" s="175"/>
      <c r="K443" s="176"/>
      <c r="L443" s="177">
        <v>0</v>
      </c>
      <c r="M443" s="177">
        <v>0</v>
      </c>
    </row>
    <row r="444" spans="1:22" s="70" customFormat="1" ht="56.1" customHeight="1" x14ac:dyDescent="0.15">
      <c r="A444" s="195" t="s">
        <v>234</v>
      </c>
      <c r="B444" s="71"/>
      <c r="C444" s="299" t="s">
        <v>406</v>
      </c>
      <c r="D444" s="300"/>
      <c r="E444" s="300"/>
      <c r="F444" s="300"/>
      <c r="G444" s="300"/>
      <c r="H444" s="301"/>
      <c r="I444" s="112" t="s">
        <v>407</v>
      </c>
      <c r="J444" s="175"/>
      <c r="K444" s="176"/>
      <c r="L444" s="240">
        <v>0</v>
      </c>
      <c r="M444" s="240">
        <v>0</v>
      </c>
    </row>
    <row r="445" spans="1:22" s="70" customFormat="1" ht="60" customHeight="1" x14ac:dyDescent="0.15">
      <c r="A445" s="195" t="s">
        <v>235</v>
      </c>
      <c r="B445" s="71"/>
      <c r="C445" s="302" t="s">
        <v>408</v>
      </c>
      <c r="D445" s="303"/>
      <c r="E445" s="303"/>
      <c r="F445" s="303"/>
      <c r="G445" s="303"/>
      <c r="H445" s="304"/>
      <c r="I445" s="287" t="s">
        <v>409</v>
      </c>
      <c r="J445" s="175"/>
      <c r="K445" s="176"/>
      <c r="L445" s="241">
        <v>0</v>
      </c>
      <c r="M445" s="241">
        <v>0</v>
      </c>
    </row>
    <row r="446" spans="1:22" s="70" customFormat="1" ht="35.1" customHeight="1" x14ac:dyDescent="0.15">
      <c r="A446" s="195" t="s">
        <v>236</v>
      </c>
      <c r="B446" s="71"/>
      <c r="C446" s="178"/>
      <c r="D446" s="179"/>
      <c r="E446" s="302" t="s">
        <v>186</v>
      </c>
      <c r="F446" s="303"/>
      <c r="G446" s="303"/>
      <c r="H446" s="304"/>
      <c r="I446" s="356"/>
      <c r="J446" s="175"/>
      <c r="K446" s="176"/>
      <c r="L446" s="241">
        <v>0</v>
      </c>
      <c r="M446" s="241">
        <v>0</v>
      </c>
    </row>
    <row r="447" spans="1:22" s="70" customFormat="1" ht="35.1" customHeight="1" x14ac:dyDescent="0.15">
      <c r="A447" s="195"/>
      <c r="B447" s="71"/>
      <c r="C447" s="178"/>
      <c r="D447" s="179"/>
      <c r="E447" s="248"/>
      <c r="F447" s="249"/>
      <c r="G447" s="361" t="s">
        <v>262</v>
      </c>
      <c r="H447" s="363"/>
      <c r="I447" s="356"/>
      <c r="J447" s="175"/>
      <c r="K447" s="176"/>
      <c r="L447" s="241">
        <v>0</v>
      </c>
      <c r="M447" s="241">
        <v>0</v>
      </c>
    </row>
    <row r="448" spans="1:22" s="70" customFormat="1" ht="64.150000000000006" customHeight="1" x14ac:dyDescent="0.15">
      <c r="A448" s="195"/>
      <c r="B448" s="71"/>
      <c r="C448" s="178"/>
      <c r="D448" s="179"/>
      <c r="E448" s="248"/>
      <c r="F448" s="249"/>
      <c r="G448" s="374" t="s">
        <v>410</v>
      </c>
      <c r="H448" s="363"/>
      <c r="I448" s="356"/>
      <c r="J448" s="175"/>
      <c r="K448" s="176"/>
      <c r="L448" s="241">
        <v>0</v>
      </c>
      <c r="M448" s="241">
        <v>0</v>
      </c>
    </row>
    <row r="449" spans="1:23" s="70" customFormat="1" ht="67.150000000000006" customHeight="1" x14ac:dyDescent="0.15">
      <c r="A449" s="195" t="s">
        <v>237</v>
      </c>
      <c r="B449" s="71"/>
      <c r="C449" s="180"/>
      <c r="D449" s="227"/>
      <c r="E449" s="371"/>
      <c r="F449" s="372"/>
      <c r="G449" s="256"/>
      <c r="H449" s="246" t="s">
        <v>411</v>
      </c>
      <c r="I449" s="357"/>
      <c r="J449" s="175"/>
      <c r="K449" s="176"/>
      <c r="L449" s="241">
        <v>0</v>
      </c>
      <c r="M449" s="241">
        <v>0</v>
      </c>
    </row>
    <row r="450" spans="1:23" s="95" customFormat="1" ht="80.099999999999994" customHeight="1" x14ac:dyDescent="0.15">
      <c r="A450" s="195" t="s">
        <v>238</v>
      </c>
      <c r="B450" s="71"/>
      <c r="C450" s="302" t="s">
        <v>412</v>
      </c>
      <c r="D450" s="303"/>
      <c r="E450" s="303"/>
      <c r="F450" s="303"/>
      <c r="G450" s="337"/>
      <c r="H450" s="304"/>
      <c r="I450" s="287" t="s">
        <v>413</v>
      </c>
      <c r="J450" s="175"/>
      <c r="K450" s="176"/>
      <c r="L450" s="241">
        <v>0</v>
      </c>
      <c r="M450" s="241">
        <v>0</v>
      </c>
    </row>
    <row r="451" spans="1:23" s="95" customFormat="1" ht="34.5" customHeight="1" x14ac:dyDescent="0.15">
      <c r="A451" s="195" t="s">
        <v>239</v>
      </c>
      <c r="B451" s="71"/>
      <c r="C451" s="230"/>
      <c r="D451" s="232"/>
      <c r="E451" s="299" t="s">
        <v>414</v>
      </c>
      <c r="F451" s="300"/>
      <c r="G451" s="300"/>
      <c r="H451" s="301"/>
      <c r="I451" s="373"/>
      <c r="J451" s="175"/>
      <c r="K451" s="176"/>
      <c r="L451" s="241">
        <v>0</v>
      </c>
      <c r="M451" s="241">
        <v>0</v>
      </c>
    </row>
    <row r="452" spans="1:23" s="70" customFormat="1" ht="56.1" customHeight="1" x14ac:dyDescent="0.15">
      <c r="A452" s="195" t="s">
        <v>240</v>
      </c>
      <c r="B452" s="71"/>
      <c r="C452" s="299" t="s">
        <v>415</v>
      </c>
      <c r="D452" s="300"/>
      <c r="E452" s="300"/>
      <c r="F452" s="300"/>
      <c r="G452" s="300"/>
      <c r="H452" s="301"/>
      <c r="I452" s="112" t="s">
        <v>187</v>
      </c>
      <c r="J452" s="175"/>
      <c r="K452" s="176"/>
      <c r="L452" s="245">
        <v>0</v>
      </c>
      <c r="M452" s="245">
        <v>0</v>
      </c>
    </row>
    <row r="453" spans="1:23" s="77" customFormat="1" x14ac:dyDescent="0.15">
      <c r="A453" s="188"/>
      <c r="B453" s="14"/>
      <c r="C453" s="52"/>
      <c r="D453" s="52"/>
      <c r="E453" s="14"/>
      <c r="F453" s="14"/>
      <c r="G453" s="14"/>
      <c r="H453" s="10"/>
      <c r="I453" s="10"/>
      <c r="J453" s="74"/>
      <c r="K453" s="75"/>
      <c r="L453" s="76"/>
      <c r="M453" s="76"/>
      <c r="N453" s="76"/>
      <c r="O453" s="76"/>
      <c r="P453" s="76"/>
      <c r="Q453" s="76"/>
    </row>
    <row r="454" spans="1:23" s="70" customFormat="1" x14ac:dyDescent="0.15">
      <c r="A454" s="188"/>
      <c r="B454" s="71"/>
      <c r="C454" s="52"/>
      <c r="D454" s="52"/>
      <c r="E454" s="52"/>
      <c r="F454" s="52"/>
      <c r="G454" s="52"/>
      <c r="H454" s="78"/>
      <c r="I454" s="78"/>
      <c r="J454" s="74"/>
      <c r="K454" s="75"/>
      <c r="L454" s="76"/>
      <c r="M454" s="76"/>
      <c r="N454" s="76"/>
      <c r="O454" s="76"/>
      <c r="P454" s="76"/>
      <c r="Q454" s="76"/>
    </row>
    <row r="455" spans="1:23" s="77" customFormat="1" x14ac:dyDescent="0.15">
      <c r="A455" s="188"/>
      <c r="B455" s="71"/>
      <c r="C455" s="3"/>
      <c r="D455" s="3"/>
      <c r="E455" s="3"/>
      <c r="F455" s="3"/>
      <c r="G455" s="3"/>
      <c r="H455" s="228"/>
      <c r="I455" s="228"/>
      <c r="J455" s="51"/>
      <c r="K455" s="24"/>
      <c r="L455" s="89"/>
      <c r="M455" s="89"/>
      <c r="N455" s="89"/>
      <c r="O455" s="89"/>
      <c r="P455" s="89"/>
      <c r="Q455" s="89"/>
    </row>
    <row r="456" spans="1:23" s="77" customFormat="1" x14ac:dyDescent="0.15">
      <c r="A456" s="188"/>
      <c r="B456" s="14"/>
      <c r="C456" s="14"/>
      <c r="D456" s="14"/>
      <c r="E456" s="14"/>
      <c r="F456" s="14"/>
      <c r="G456" s="14"/>
      <c r="H456" s="10"/>
      <c r="I456" s="10"/>
      <c r="J456" s="74"/>
      <c r="K456" s="75"/>
      <c r="L456" s="76"/>
      <c r="M456" s="76"/>
      <c r="N456" s="76"/>
      <c r="O456" s="76"/>
      <c r="P456" s="76"/>
      <c r="Q456" s="76"/>
      <c r="R456" s="76"/>
      <c r="S456" s="76"/>
      <c r="T456" s="76"/>
      <c r="U456" s="76"/>
      <c r="V456" s="76"/>
    </row>
    <row r="457" spans="1:23" s="70" customFormat="1" x14ac:dyDescent="0.15">
      <c r="A457" s="188"/>
      <c r="B457" s="71"/>
      <c r="C457" s="52"/>
      <c r="D457" s="52"/>
      <c r="E457" s="52"/>
      <c r="F457" s="52"/>
      <c r="G457" s="52"/>
      <c r="H457" s="78"/>
      <c r="I457" s="78"/>
      <c r="J457" s="74"/>
      <c r="K457" s="75"/>
      <c r="L457" s="76"/>
      <c r="M457" s="76"/>
      <c r="N457" s="76"/>
      <c r="O457" s="76"/>
      <c r="P457" s="76"/>
      <c r="Q457" s="76"/>
      <c r="R457" s="76"/>
      <c r="S457" s="76"/>
      <c r="T457" s="76"/>
      <c r="U457" s="76"/>
      <c r="V457" s="76"/>
    </row>
    <row r="458" spans="1:23" s="70" customFormat="1" x14ac:dyDescent="0.15">
      <c r="A458" s="188"/>
      <c r="B458" s="99"/>
      <c r="C458" s="99"/>
      <c r="D458" s="52"/>
      <c r="E458" s="52"/>
      <c r="F458" s="52"/>
      <c r="G458" s="52"/>
      <c r="H458" s="78"/>
      <c r="I458" s="132" t="s">
        <v>242</v>
      </c>
      <c r="J458" s="74"/>
      <c r="K458" s="75"/>
      <c r="L458" s="76"/>
      <c r="M458" s="76"/>
      <c r="N458" s="76"/>
      <c r="O458" s="76"/>
      <c r="P458" s="76"/>
      <c r="Q458" s="76"/>
      <c r="R458" s="76"/>
      <c r="S458" s="76"/>
      <c r="T458" s="76"/>
      <c r="U458" s="76"/>
      <c r="V458" s="76"/>
    </row>
    <row r="459" spans="1:23" s="77" customFormat="1" x14ac:dyDescent="0.15">
      <c r="A459" s="188"/>
      <c r="B459" s="14"/>
      <c r="C459" s="14"/>
      <c r="D459" s="14"/>
      <c r="E459" s="14"/>
      <c r="F459" s="14"/>
      <c r="G459" s="14"/>
      <c r="H459" s="10"/>
      <c r="I459" s="10"/>
      <c r="J459" s="74"/>
      <c r="K459" s="75"/>
      <c r="L459" s="76"/>
      <c r="M459" s="76"/>
      <c r="N459" s="76"/>
      <c r="O459" s="76"/>
      <c r="P459" s="76"/>
      <c r="Q459" s="76"/>
      <c r="R459" s="76"/>
      <c r="S459" s="76"/>
      <c r="T459" s="76"/>
      <c r="U459" s="76"/>
      <c r="V459" s="76"/>
    </row>
    <row r="460" spans="1:23" s="70" customFormat="1" x14ac:dyDescent="0.15">
      <c r="A460" s="188"/>
      <c r="B460" s="99"/>
      <c r="C460" s="99"/>
      <c r="D460" s="52"/>
      <c r="E460" s="52"/>
      <c r="F460" s="52"/>
      <c r="G460" s="52"/>
      <c r="H460" s="78"/>
      <c r="I460" s="78"/>
      <c r="J460" s="74"/>
      <c r="K460" s="75"/>
      <c r="L460" s="76"/>
      <c r="M460" s="76"/>
      <c r="N460" s="76"/>
      <c r="O460" s="76"/>
      <c r="P460" s="76"/>
      <c r="Q460" s="76"/>
      <c r="R460" s="76"/>
      <c r="S460" s="76"/>
      <c r="T460" s="76"/>
      <c r="U460" s="76"/>
      <c r="V460" s="76"/>
    </row>
    <row r="461" spans="1:23" s="98" customFormat="1" x14ac:dyDescent="0.15">
      <c r="A461" s="196"/>
      <c r="B461" s="137"/>
      <c r="C461" s="2"/>
      <c r="D461" s="2"/>
      <c r="E461" s="3"/>
      <c r="F461" s="2"/>
      <c r="G461" s="2"/>
      <c r="H461" s="4"/>
      <c r="I461" s="4"/>
      <c r="J461" s="5"/>
      <c r="K461" s="6"/>
      <c r="L461" s="5"/>
      <c r="M461" s="5"/>
      <c r="N461" s="7"/>
      <c r="O461" s="7"/>
      <c r="P461" s="7"/>
      <c r="Q461" s="7"/>
      <c r="R461" s="7"/>
      <c r="S461" s="7"/>
      <c r="T461" s="7"/>
      <c r="U461" s="7"/>
      <c r="V461" s="7"/>
      <c r="W461" s="8"/>
    </row>
    <row r="462" spans="1:23" s="98" customFormat="1" x14ac:dyDescent="0.15">
      <c r="A462" s="196"/>
      <c r="B462" s="137"/>
      <c r="C462" s="2"/>
      <c r="D462" s="2"/>
      <c r="E462" s="3"/>
      <c r="F462" s="2"/>
      <c r="G462" s="2"/>
      <c r="H462" s="4"/>
      <c r="I462" s="4"/>
      <c r="J462" s="5"/>
      <c r="K462" s="6"/>
      <c r="L462" s="5"/>
      <c r="M462" s="5"/>
      <c r="N462" s="7"/>
      <c r="O462" s="7"/>
      <c r="P462" s="7"/>
      <c r="Q462" s="7"/>
      <c r="R462" s="7"/>
      <c r="S462" s="7"/>
      <c r="T462" s="7"/>
      <c r="U462" s="7"/>
      <c r="V462" s="7"/>
      <c r="W462" s="8"/>
    </row>
    <row r="463" spans="1:23" s="98" customFormat="1" x14ac:dyDescent="0.15">
      <c r="A463" s="196"/>
      <c r="B463" s="137"/>
      <c r="C463" s="2"/>
      <c r="D463" s="2"/>
      <c r="E463" s="3"/>
      <c r="F463" s="2"/>
      <c r="G463" s="2"/>
      <c r="H463" s="4"/>
      <c r="I463" s="4"/>
      <c r="J463" s="5"/>
      <c r="K463" s="6"/>
      <c r="L463" s="5"/>
      <c r="M463" s="5"/>
      <c r="N463" s="7"/>
      <c r="O463" s="7"/>
      <c r="P463" s="7"/>
      <c r="Q463" s="7"/>
      <c r="R463" s="7"/>
      <c r="S463" s="7"/>
      <c r="T463" s="7"/>
      <c r="U463" s="7"/>
      <c r="V463" s="7"/>
      <c r="W463" s="8"/>
    </row>
    <row r="464" spans="1:23" s="98" customFormat="1" x14ac:dyDescent="0.15">
      <c r="A464" s="196"/>
      <c r="B464" s="137"/>
      <c r="C464" s="2"/>
      <c r="D464" s="2"/>
      <c r="E464" s="3"/>
      <c r="F464" s="2"/>
      <c r="G464" s="2"/>
      <c r="H464" s="4"/>
      <c r="I464" s="4"/>
      <c r="J464" s="5"/>
      <c r="K464" s="6"/>
      <c r="L464" s="5"/>
      <c r="M464" s="5"/>
      <c r="N464" s="7"/>
      <c r="O464" s="7"/>
      <c r="P464" s="7"/>
      <c r="Q464" s="7"/>
      <c r="R464" s="7"/>
      <c r="S464" s="7"/>
      <c r="T464" s="7"/>
      <c r="U464" s="7"/>
      <c r="V464" s="7"/>
      <c r="W464" s="8"/>
    </row>
    <row r="465" spans="1:23" s="98" customFormat="1" x14ac:dyDescent="0.15">
      <c r="A465" s="196"/>
      <c r="B465" s="137"/>
      <c r="C465" s="2"/>
      <c r="D465" s="2"/>
      <c r="E465" s="3"/>
      <c r="F465" s="2"/>
      <c r="G465" s="2"/>
      <c r="H465" s="4"/>
      <c r="I465" s="4"/>
      <c r="J465" s="5"/>
      <c r="K465" s="6"/>
      <c r="L465" s="5"/>
      <c r="M465" s="5"/>
      <c r="N465" s="7"/>
      <c r="O465" s="7"/>
      <c r="P465" s="7"/>
      <c r="Q465" s="7"/>
      <c r="R465" s="7"/>
      <c r="S465" s="7"/>
      <c r="T465" s="7"/>
      <c r="U465" s="7"/>
      <c r="V465" s="7"/>
      <c r="W465" s="8"/>
    </row>
    <row r="466" spans="1:23" s="98" customFormat="1" x14ac:dyDescent="0.15">
      <c r="A466" s="196"/>
      <c r="B466" s="8"/>
      <c r="C466" s="2"/>
      <c r="D466" s="2"/>
      <c r="E466" s="3"/>
      <c r="F466" s="2"/>
      <c r="G466" s="2"/>
      <c r="H466" s="4"/>
      <c r="I466" s="4"/>
      <c r="J466" s="5"/>
      <c r="K466" s="6"/>
      <c r="L466" s="5"/>
      <c r="M466" s="5"/>
      <c r="N466" s="7"/>
      <c r="O466" s="7"/>
      <c r="P466" s="7"/>
      <c r="Q466" s="7"/>
      <c r="R466" s="7"/>
      <c r="S466" s="7"/>
      <c r="T466" s="7"/>
      <c r="U466" s="7"/>
      <c r="V466" s="7"/>
      <c r="W466" s="8"/>
    </row>
    <row r="467" spans="1:23" s="98" customFormat="1" x14ac:dyDescent="0.15">
      <c r="A467" s="196"/>
      <c r="B467" s="8"/>
      <c r="C467" s="2"/>
      <c r="D467" s="2"/>
      <c r="E467" s="3"/>
      <c r="F467" s="2"/>
      <c r="G467" s="2"/>
      <c r="H467" s="4"/>
      <c r="I467" s="4"/>
      <c r="J467" s="5"/>
      <c r="K467" s="6"/>
      <c r="L467" s="5"/>
      <c r="M467" s="5"/>
      <c r="N467" s="7"/>
      <c r="O467" s="7"/>
      <c r="P467" s="7"/>
      <c r="Q467" s="7"/>
      <c r="R467" s="7"/>
      <c r="S467" s="7"/>
      <c r="T467" s="7"/>
      <c r="U467" s="7"/>
      <c r="V467" s="7"/>
      <c r="W467" s="8"/>
    </row>
    <row r="468" spans="1:23" s="98" customFormat="1" x14ac:dyDescent="0.15">
      <c r="A468" s="196"/>
      <c r="B468" s="8"/>
      <c r="C468" s="2"/>
      <c r="D468" s="2"/>
      <c r="E468" s="3"/>
      <c r="F468" s="2"/>
      <c r="G468" s="2"/>
      <c r="H468" s="4"/>
      <c r="I468" s="4"/>
      <c r="J468" s="5"/>
      <c r="K468" s="6"/>
      <c r="L468" s="5"/>
      <c r="M468" s="5"/>
      <c r="N468" s="7"/>
      <c r="O468" s="7"/>
      <c r="P468" s="7"/>
      <c r="Q468" s="7"/>
      <c r="R468" s="7"/>
      <c r="S468" s="7"/>
      <c r="T468" s="7"/>
      <c r="U468" s="7"/>
      <c r="V468" s="7"/>
      <c r="W468" s="8"/>
    </row>
  </sheetData>
  <mergeCells count="308">
    <mergeCell ref="D401:H401"/>
    <mergeCell ref="D402:H402"/>
    <mergeCell ref="D403:H403"/>
    <mergeCell ref="D404:H404"/>
    <mergeCell ref="D406:H406"/>
    <mergeCell ref="C398:H398"/>
    <mergeCell ref="D405:H405"/>
    <mergeCell ref="C434:H434"/>
    <mergeCell ref="C430:H430"/>
    <mergeCell ref="I430:I431"/>
    <mergeCell ref="E431:H431"/>
    <mergeCell ref="C432:H432"/>
    <mergeCell ref="I432:I433"/>
    <mergeCell ref="E433:H433"/>
    <mergeCell ref="D419:H419"/>
    <mergeCell ref="D420:H420"/>
    <mergeCell ref="D422:H422"/>
    <mergeCell ref="C452:H452"/>
    <mergeCell ref="C445:H445"/>
    <mergeCell ref="I445:I449"/>
    <mergeCell ref="E446:H446"/>
    <mergeCell ref="E449:F449"/>
    <mergeCell ref="C450:H450"/>
    <mergeCell ref="I450:I451"/>
    <mergeCell ref="E451:H451"/>
    <mergeCell ref="C442:H442"/>
    <mergeCell ref="C443:H443"/>
    <mergeCell ref="C444:H444"/>
    <mergeCell ref="G448:H448"/>
    <mergeCell ref="G447:H447"/>
    <mergeCell ref="I31:K31"/>
    <mergeCell ref="I41:K41"/>
    <mergeCell ref="I32:K32"/>
    <mergeCell ref="I34:K34"/>
    <mergeCell ref="I35:K35"/>
    <mergeCell ref="I33:K33"/>
    <mergeCell ref="I58:K58"/>
    <mergeCell ref="I59:K59"/>
    <mergeCell ref="I50:K50"/>
    <mergeCell ref="I51:K51"/>
    <mergeCell ref="I52:K52"/>
    <mergeCell ref="I53:K53"/>
    <mergeCell ref="I54:K54"/>
    <mergeCell ref="I55:K55"/>
    <mergeCell ref="I56:K56"/>
    <mergeCell ref="I57:K57"/>
    <mergeCell ref="I36:K36"/>
    <mergeCell ref="I42:K42"/>
    <mergeCell ref="I43:K43"/>
    <mergeCell ref="I44:K44"/>
    <mergeCell ref="I45:K45"/>
    <mergeCell ref="C390:F390"/>
    <mergeCell ref="C391:H391"/>
    <mergeCell ref="I366:I371"/>
    <mergeCell ref="E367:H367"/>
    <mergeCell ref="E368:H368"/>
    <mergeCell ref="C369:H369"/>
    <mergeCell ref="E370:H370"/>
    <mergeCell ref="E371:H371"/>
    <mergeCell ref="I399:I422"/>
    <mergeCell ref="C415:H415"/>
    <mergeCell ref="D416:H416"/>
    <mergeCell ref="D417:H417"/>
    <mergeCell ref="D418:H418"/>
    <mergeCell ref="C407:H407"/>
    <mergeCell ref="D408:H408"/>
    <mergeCell ref="D409:H409"/>
    <mergeCell ref="D410:H410"/>
    <mergeCell ref="D411:H411"/>
    <mergeCell ref="D412:H412"/>
    <mergeCell ref="D413:H413"/>
    <mergeCell ref="D414:H414"/>
    <mergeCell ref="D421:H421"/>
    <mergeCell ref="C399:H399"/>
    <mergeCell ref="D400:H400"/>
    <mergeCell ref="C353:H353"/>
    <mergeCell ref="I353:I357"/>
    <mergeCell ref="C366:H366"/>
    <mergeCell ref="E354:H354"/>
    <mergeCell ref="E355:H355"/>
    <mergeCell ref="E356:H356"/>
    <mergeCell ref="E357:H357"/>
    <mergeCell ref="C328:C345"/>
    <mergeCell ref="D328:H328"/>
    <mergeCell ref="E345:H345"/>
    <mergeCell ref="E342:H342"/>
    <mergeCell ref="E333:H333"/>
    <mergeCell ref="I328:I345"/>
    <mergeCell ref="D329:D335"/>
    <mergeCell ref="E329:H329"/>
    <mergeCell ref="E330:H330"/>
    <mergeCell ref="E331:H331"/>
    <mergeCell ref="E332:H332"/>
    <mergeCell ref="E334:H334"/>
    <mergeCell ref="E335:H335"/>
    <mergeCell ref="D336:H336"/>
    <mergeCell ref="D337:D345"/>
    <mergeCell ref="E337:H337"/>
    <mergeCell ref="E338:H338"/>
    <mergeCell ref="E317:H317"/>
    <mergeCell ref="E318:H318"/>
    <mergeCell ref="E270:H270"/>
    <mergeCell ref="C247:H247"/>
    <mergeCell ref="E277:H277"/>
    <mergeCell ref="E278:H278"/>
    <mergeCell ref="E279:H279"/>
    <mergeCell ref="E280:H280"/>
    <mergeCell ref="E273:H273"/>
    <mergeCell ref="C274:D283"/>
    <mergeCell ref="I315:I320"/>
    <mergeCell ref="D316:D318"/>
    <mergeCell ref="E316:H316"/>
    <mergeCell ref="C315:C320"/>
    <mergeCell ref="D315:H315"/>
    <mergeCell ref="G250:G251"/>
    <mergeCell ref="G252:G253"/>
    <mergeCell ref="G254:G255"/>
    <mergeCell ref="G256:G257"/>
    <mergeCell ref="D319:H319"/>
    <mergeCell ref="D320:H320"/>
    <mergeCell ref="C292:H296"/>
    <mergeCell ref="I292:I296"/>
    <mergeCell ref="E275:H275"/>
    <mergeCell ref="I267:I270"/>
    <mergeCell ref="G268:H268"/>
    <mergeCell ref="G269:H269"/>
    <mergeCell ref="E271:H271"/>
    <mergeCell ref="I271:I273"/>
    <mergeCell ref="E272:H272"/>
    <mergeCell ref="G258:G259"/>
    <mergeCell ref="C267:D270"/>
    <mergeCell ref="E267:F269"/>
    <mergeCell ref="G267:H267"/>
    <mergeCell ref="E339:H339"/>
    <mergeCell ref="E340:H340"/>
    <mergeCell ref="E341:H341"/>
    <mergeCell ref="E343:H343"/>
    <mergeCell ref="E344:H344"/>
    <mergeCell ref="I275:I276"/>
    <mergeCell ref="E276:H276"/>
    <mergeCell ref="E283:H283"/>
    <mergeCell ref="C226:F227"/>
    <mergeCell ref="G226:H226"/>
    <mergeCell ref="G227:H227"/>
    <mergeCell ref="C228:F229"/>
    <mergeCell ref="G228:H228"/>
    <mergeCell ref="G229:H229"/>
    <mergeCell ref="I247:I259"/>
    <mergeCell ref="C248:F259"/>
    <mergeCell ref="G248:G249"/>
    <mergeCell ref="E281:H281"/>
    <mergeCell ref="E282:H282"/>
    <mergeCell ref="C271:D273"/>
    <mergeCell ref="C232:F233"/>
    <mergeCell ref="G232:H232"/>
    <mergeCell ref="G233:H233"/>
    <mergeCell ref="C238:F239"/>
    <mergeCell ref="G238:H238"/>
    <mergeCell ref="G239:H239"/>
    <mergeCell ref="E274:H274"/>
    <mergeCell ref="C220:F221"/>
    <mergeCell ref="G220:H220"/>
    <mergeCell ref="I220:I239"/>
    <mergeCell ref="G221:H221"/>
    <mergeCell ref="C222:F223"/>
    <mergeCell ref="G222:H222"/>
    <mergeCell ref="G223:H223"/>
    <mergeCell ref="C224:F225"/>
    <mergeCell ref="G224:H224"/>
    <mergeCell ref="C234:F235"/>
    <mergeCell ref="G234:H234"/>
    <mergeCell ref="G235:H235"/>
    <mergeCell ref="C236:F237"/>
    <mergeCell ref="G236:H236"/>
    <mergeCell ref="G237:H237"/>
    <mergeCell ref="C230:F231"/>
    <mergeCell ref="G230:H230"/>
    <mergeCell ref="G231:H231"/>
    <mergeCell ref="G225:H225"/>
    <mergeCell ref="C212:F213"/>
    <mergeCell ref="G212:H212"/>
    <mergeCell ref="G213:H213"/>
    <mergeCell ref="C214:F215"/>
    <mergeCell ref="G214:H214"/>
    <mergeCell ref="G215:H215"/>
    <mergeCell ref="C208:F209"/>
    <mergeCell ref="G208:H208"/>
    <mergeCell ref="G209:H209"/>
    <mergeCell ref="C210:F211"/>
    <mergeCell ref="G210:H210"/>
    <mergeCell ref="G211:H211"/>
    <mergeCell ref="C206:F207"/>
    <mergeCell ref="G206:H206"/>
    <mergeCell ref="G207:H207"/>
    <mergeCell ref="C200:F201"/>
    <mergeCell ref="G200:H200"/>
    <mergeCell ref="G201:H201"/>
    <mergeCell ref="C202:F203"/>
    <mergeCell ref="G202:H202"/>
    <mergeCell ref="G203:H203"/>
    <mergeCell ref="I159:I161"/>
    <mergeCell ref="C160:H160"/>
    <mergeCell ref="C161:H161"/>
    <mergeCell ref="C169:H169"/>
    <mergeCell ref="G195:H195"/>
    <mergeCell ref="C196:F197"/>
    <mergeCell ref="G196:H196"/>
    <mergeCell ref="G197:H197"/>
    <mergeCell ref="C198:F199"/>
    <mergeCell ref="G198:H198"/>
    <mergeCell ref="G199:H199"/>
    <mergeCell ref="I188:I215"/>
    <mergeCell ref="G189:H189"/>
    <mergeCell ref="C190:F191"/>
    <mergeCell ref="G190:H190"/>
    <mergeCell ref="G191:H191"/>
    <mergeCell ref="C192:F193"/>
    <mergeCell ref="G192:H192"/>
    <mergeCell ref="G193:H193"/>
    <mergeCell ref="C194:F195"/>
    <mergeCell ref="G194:H194"/>
    <mergeCell ref="C204:F205"/>
    <mergeCell ref="G204:H204"/>
    <mergeCell ref="G205:H205"/>
    <mergeCell ref="C126:H126"/>
    <mergeCell ref="C170:H170"/>
    <mergeCell ref="C178:H178"/>
    <mergeCell ref="C179:H179"/>
    <mergeCell ref="C180:H180"/>
    <mergeCell ref="C188:F189"/>
    <mergeCell ref="G188:H188"/>
    <mergeCell ref="C151:H151"/>
    <mergeCell ref="C159:H159"/>
    <mergeCell ref="I126:I129"/>
    <mergeCell ref="E127:H129"/>
    <mergeCell ref="C137:H137"/>
    <mergeCell ref="I137:I143"/>
    <mergeCell ref="E138:H138"/>
    <mergeCell ref="C139:H139"/>
    <mergeCell ref="E140:H140"/>
    <mergeCell ref="I105:I118"/>
    <mergeCell ref="E106:F106"/>
    <mergeCell ref="G106:H106"/>
    <mergeCell ref="E107:H107"/>
    <mergeCell ref="E108:H108"/>
    <mergeCell ref="C105:D108"/>
    <mergeCell ref="E115:H115"/>
    <mergeCell ref="C141:H141"/>
    <mergeCell ref="E142:H142"/>
    <mergeCell ref="C143:H143"/>
    <mergeCell ref="G113:H113"/>
    <mergeCell ref="E114:F114"/>
    <mergeCell ref="G116:H116"/>
    <mergeCell ref="E117:F117"/>
    <mergeCell ref="G117:H117"/>
    <mergeCell ref="G114:H114"/>
    <mergeCell ref="C118:H118"/>
    <mergeCell ref="I20:K20"/>
    <mergeCell ref="I28:K28"/>
    <mergeCell ref="I29:K29"/>
    <mergeCell ref="I30:K30"/>
    <mergeCell ref="B4:D4"/>
    <mergeCell ref="I16:K16"/>
    <mergeCell ref="I17:K17"/>
    <mergeCell ref="I18:K18"/>
    <mergeCell ref="I19:K19"/>
    <mergeCell ref="I21:K21"/>
    <mergeCell ref="I22:K22"/>
    <mergeCell ref="I23:K23"/>
    <mergeCell ref="I9:K9"/>
    <mergeCell ref="I10:K10"/>
    <mergeCell ref="I11:K11"/>
    <mergeCell ref="C86:F86"/>
    <mergeCell ref="C87:F87"/>
    <mergeCell ref="C97:H97"/>
    <mergeCell ref="E105:H105"/>
    <mergeCell ref="C109:D117"/>
    <mergeCell ref="E109:H109"/>
    <mergeCell ref="E110:F110"/>
    <mergeCell ref="G110:H110"/>
    <mergeCell ref="E111:F111"/>
    <mergeCell ref="G111:H111"/>
    <mergeCell ref="E112:H112"/>
    <mergeCell ref="E113:F113"/>
    <mergeCell ref="C88:G88"/>
    <mergeCell ref="E116:F116"/>
    <mergeCell ref="C85:F85"/>
    <mergeCell ref="D68:L68"/>
    <mergeCell ref="D69:L69"/>
    <mergeCell ref="D70:L70"/>
    <mergeCell ref="C77:G77"/>
    <mergeCell ref="C83:F83"/>
    <mergeCell ref="H78:I78"/>
    <mergeCell ref="J77:L77"/>
    <mergeCell ref="J80:L80"/>
    <mergeCell ref="C84:F84"/>
    <mergeCell ref="C80:G80"/>
    <mergeCell ref="D66:L66"/>
    <mergeCell ref="D67:L67"/>
    <mergeCell ref="C81:G81"/>
    <mergeCell ref="H79:I79"/>
    <mergeCell ref="H80:I80"/>
    <mergeCell ref="J78:L78"/>
    <mergeCell ref="J79:L79"/>
    <mergeCell ref="H77:I77"/>
    <mergeCell ref="C82:G82"/>
    <mergeCell ref="C78:G78"/>
    <mergeCell ref="C79:G79"/>
  </mergeCells>
  <phoneticPr fontId="3"/>
  <hyperlinks>
    <hyperlink ref="C77:G77" location="病院!B93" display="・設置主体"/>
    <hyperlink ref="C78:G78" location="病院!B101" display="・病床の状況"/>
    <hyperlink ref="C79:G79" location="病院!B122" display="・診療科"/>
    <hyperlink ref="C80:G80" location="病院!B133" display="・入院基本料・特定入院料及び届出病床数"/>
    <hyperlink ref="C81:G81" location="病院!B147" display="・DPC医療機関群の種類"/>
    <hyperlink ref="C82:G82" location="病院!B155" display="・救急告示病院、二次救急医療施設、三次救急医療施設の告示・認定の有無"/>
    <hyperlink ref="C83:F83" location="病院!B165" display="・承認の有無"/>
    <hyperlink ref="C84:F84" location="病院!B174" display="・診療報酬の届出の有無"/>
    <hyperlink ref="C85:F85" location="病院!B184" display="・職員数の状況"/>
    <hyperlink ref="C86:F86" location="病院!B243" display="・退院調整部門の設置状況"/>
    <hyperlink ref="C87:F87" location="病院!B263" display="・医療機器の台数"/>
    <hyperlink ref="C88:G88" location="病院!B288" display="・過去1年間の間に病棟の再編・見直しがあった場合の報告対象期間"/>
    <hyperlink ref="I299" location="病院!B66" display="メニューへ戻る"/>
    <hyperlink ref="H77:I77" location="病院!B311" display="・入院患者の状況（年間）"/>
    <hyperlink ref="H78:I78" location="病院!B324" display="・入院患者の状況（年間／入棟前の場所・退棟先の場所の状況）"/>
    <hyperlink ref="H79:I79" location="病院!B349" display="・退院後に在宅医療を必要とする患者の状況"/>
    <hyperlink ref="H80:I80" location="病院!B361" display="・看取りを行った患者数"/>
    <hyperlink ref="I374" location="病院!B66" display="メニューへ戻る"/>
    <hyperlink ref="I458" location="病院!B66" display="メニューへ戻る"/>
    <hyperlink ref="J80:L80" location="病院!B438" display="・リハビリテーションの実施状況"/>
    <hyperlink ref="J79:L79" location="病院!B426" display="・救急医療の実施状況"/>
    <hyperlink ref="J78:L78" location="病院!B394" display="・重症患者への対応状況"/>
    <hyperlink ref="J77:L77" location="病院!B387" display="・分娩"/>
    <hyperlink ref="B4:D4" r:id="rId1" display="診療時間やアクセス方法等の情報はこちら"/>
  </hyperlinks>
  <printOptions horizontalCentered="1"/>
  <pageMargins left="0.196850393700787" right="0.196850393700787" top="0.39370078740157499" bottom="0.43307086614173201" header="0.196850393700787" footer="0.196850393700787"/>
  <pageSetup paperSize="9" scale="37" fitToHeight="14" orientation="portrait" cellComments="atEnd" useFirstPageNumber="1" r:id="rId2"/>
  <headerFooter>
    <oddFooter>&amp;C&amp;14&amp;P</oddFooter>
  </headerFooter>
  <rowBreaks count="17" manualBreakCount="17">
    <brk id="27" max="18" man="1"/>
    <brk id="59" max="18" man="1"/>
    <brk id="90" max="18" man="1"/>
    <brk id="117" max="18" man="1"/>
    <brk id="132" max="18" man="1"/>
    <brk id="146" max="18" man="1"/>
    <brk id="173" max="18" man="1"/>
    <brk id="201" max="18" man="1"/>
    <brk id="216" max="18" man="1"/>
    <brk id="242" max="18" man="1"/>
    <brk id="273" max="18" man="1"/>
    <brk id="287" max="18" man="1"/>
    <brk id="324" max="18" man="1"/>
    <brk id="350" max="18" man="1"/>
    <brk id="412" max="18" man="1"/>
    <brk id="431" max="18" man="1"/>
    <brk id="448" max="18"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病院</vt:lpstr>
      <vt:lpstr>病院!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21-05-21T08:10:29Z</cp:lastPrinted>
  <dcterms:created xsi:type="dcterms:W3CDTF">2019-03-05T10:58:25Z</dcterms:created>
  <dcterms:modified xsi:type="dcterms:W3CDTF">2021-05-21T08:11:02Z</dcterms:modified>
</cp:coreProperties>
</file>